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removePersonalInfoOnSave="1" saveSubsetFonts="1">
  <p:sldMasterIdLst>
    <p:sldMasterId id="2147483648" r:id="rId4"/>
  </p:sldMasterIdLst>
  <p:notesMasterIdLst>
    <p:notesMasterId r:id="rId13"/>
  </p:notesMasterIdLst>
  <p:handoutMasterIdLst>
    <p:handoutMasterId r:id="rId14"/>
  </p:handoutMasterIdLst>
  <p:sldIdLst>
    <p:sldId id="256" r:id="rId5"/>
    <p:sldId id="257" r:id="rId6"/>
    <p:sldId id="284" r:id="rId7"/>
    <p:sldId id="260" r:id="rId8"/>
    <p:sldId id="283" r:id="rId9"/>
    <p:sldId id="282" r:id="rId10"/>
    <p:sldId id="280" r:id="rId11"/>
    <p:sldId id="285" r:id="rId12"/>
  </p:sldIdLst>
  <p:sldSz cx="10693400" cy="7561263"/>
  <p:notesSz cx="7099300" cy="10234613"/>
  <p:defaultTextStyle>
    <a:defPPr>
      <a:defRPr lang="en-US"/>
    </a:defPPr>
    <a:lvl1pPr marL="0" indent="0" algn="l" defTabSz="1008044" rtl="0" eaLnBrk="1" latinLnBrk="0" hangingPunct="1">
      <a:lnSpc>
        <a:spcPct val="110000"/>
      </a:lnSpc>
      <a:spcBef>
        <a:spcPts val="1400"/>
      </a:spcBef>
      <a:spcAft>
        <a:spcPts val="600"/>
      </a:spcAft>
      <a:buFont typeface="Source Sans Pro Light" panose="020B0604020202020204" pitchFamily="34" charset="0"/>
      <a:buNone/>
      <a:defRPr sz="1600" i="0" kern="1200">
        <a:solidFill>
          <a:schemeClr val="accent2"/>
        </a:solidFill>
        <a:latin typeface="Source Sans Pro Semibold" panose="020B0603030403020204"/>
        <a:ea typeface="+mn-ea"/>
        <a:cs typeface="+mn-cs"/>
      </a:defRPr>
    </a:lvl1pPr>
    <a:lvl2pPr marL="0" indent="0" algn="l" defTabSz="1008044" rtl="0" eaLnBrk="1" latinLnBrk="0" hangingPunct="1">
      <a:lnSpc>
        <a:spcPct val="110000"/>
      </a:lnSpc>
      <a:spcBef>
        <a:spcPts val="0"/>
      </a:spcBef>
      <a:spcAft>
        <a:spcPts val="600"/>
      </a:spcAft>
      <a:buFont typeface="Source Sans Pro Light" panose="020B0604020202020204" pitchFamily="34" charset="0"/>
      <a:buNone/>
      <a:defRPr sz="1600" kern="1200">
        <a:solidFill>
          <a:schemeClr val="tx1"/>
        </a:solidFill>
        <a:latin typeface="Source Sans Pro Light" panose="020B0403030403020204" pitchFamily="34" charset="0"/>
        <a:ea typeface="+mn-ea"/>
        <a:cs typeface="+mn-cs"/>
      </a:defRPr>
    </a:lvl2pPr>
    <a:lvl3pPr marL="180000" indent="-180000" algn="l" defTabSz="1008044" rtl="0" eaLnBrk="1" latinLnBrk="0" hangingPunct="1">
      <a:lnSpc>
        <a:spcPct val="110000"/>
      </a:lnSpc>
      <a:spcBef>
        <a:spcPts val="0"/>
      </a:spcBef>
      <a:spcAft>
        <a:spcPts val="600"/>
      </a:spcAft>
      <a:buClr>
        <a:schemeClr val="tx1"/>
      </a:buClr>
      <a:buSzPct val="75000"/>
      <a:buFont typeface="iON" panose="02000505000000020004" pitchFamily="50" charset="0"/>
      <a:buChar char="•"/>
      <a:defRPr lang="en-US" sz="1600" i="0" kern="1200" dirty="0">
        <a:solidFill>
          <a:schemeClr val="tx1"/>
        </a:solidFill>
        <a:latin typeface="Source Sans Pro Light" panose="020B0403030403020204" pitchFamily="34" charset="0"/>
        <a:ea typeface="+mn-ea"/>
        <a:cs typeface="+mn-cs"/>
      </a:defRPr>
    </a:lvl3pPr>
    <a:lvl4pPr marL="360399" indent="-180000" algn="l" defTabSz="1008044" rtl="0" eaLnBrk="1" latinLnBrk="0" hangingPunct="1">
      <a:lnSpc>
        <a:spcPct val="110000"/>
      </a:lnSpc>
      <a:spcBef>
        <a:spcPts val="0"/>
      </a:spcBef>
      <a:spcAft>
        <a:spcPts val="600"/>
      </a:spcAft>
      <a:buClr>
        <a:schemeClr val="tx1"/>
      </a:buClr>
      <a:buSzPct val="60000"/>
      <a:buFont typeface="Wingdings" panose="05000000000000000000" pitchFamily="2" charset="2"/>
      <a:buChar char="l"/>
      <a:defRPr lang="en-US" sz="1400" kern="1200" dirty="0">
        <a:solidFill>
          <a:schemeClr val="tx1"/>
        </a:solidFill>
        <a:latin typeface="Source Sans Pro Light" panose="020B0403030403020204" pitchFamily="34" charset="0"/>
        <a:ea typeface="+mn-ea"/>
        <a:cs typeface="+mn-cs"/>
      </a:defRPr>
    </a:lvl4pPr>
    <a:lvl5pPr marL="540000" indent="-180000" algn="l" defTabSz="1008044" rtl="0" eaLnBrk="1" latinLnBrk="0" hangingPunct="1">
      <a:lnSpc>
        <a:spcPct val="110000"/>
      </a:lnSpc>
      <a:spcBef>
        <a:spcPts val="0"/>
      </a:spcBef>
      <a:spcAft>
        <a:spcPts val="600"/>
      </a:spcAft>
      <a:buClr>
        <a:schemeClr val="tx1"/>
      </a:buClr>
      <a:buSzPct val="60000"/>
      <a:buFont typeface="Wingdings" panose="05000000000000000000" pitchFamily="2" charset="2"/>
      <a:buChar char="l"/>
      <a:defRPr lang="en-US" sz="1200" kern="1200" baseline="0" dirty="0">
        <a:solidFill>
          <a:schemeClr val="tx1"/>
        </a:solidFill>
        <a:latin typeface="Source Sans Pro Light" panose="020B0403030403020204" pitchFamily="34" charset="0"/>
        <a:ea typeface="+mn-ea"/>
        <a:cs typeface="+mn-cs"/>
      </a:defRPr>
    </a:lvl5pPr>
    <a:lvl6pPr marL="0" indent="0" algn="l" defTabSz="1008044" rtl="0" eaLnBrk="1" latinLnBrk="0" hangingPunct="1">
      <a:lnSpc>
        <a:spcPct val="100000"/>
      </a:lnSpc>
      <a:spcBef>
        <a:spcPts val="1000"/>
      </a:spcBef>
      <a:spcAft>
        <a:spcPts val="200"/>
      </a:spcAft>
      <a:buClr>
        <a:schemeClr val="tx1"/>
      </a:buClr>
      <a:buSzPct val="70000"/>
      <a:buFont typeface="Wingdings" panose="05000000000000000000" pitchFamily="2" charset="2"/>
      <a:buNone/>
      <a:defRPr lang="en-US" sz="1600" i="0" kern="1200" dirty="0">
        <a:solidFill>
          <a:schemeClr val="tx1"/>
        </a:solidFill>
        <a:latin typeface="Source Sans Pro Semibold" panose="020B0603030403020204"/>
        <a:ea typeface="+mn-ea"/>
        <a:cs typeface="+mn-cs"/>
      </a:defRPr>
    </a:lvl6pPr>
    <a:lvl7pPr marL="0" indent="0" algn="l" defTabSz="1008044" rtl="0" eaLnBrk="1" latinLnBrk="0" hangingPunct="1">
      <a:lnSpc>
        <a:spcPct val="110000"/>
      </a:lnSpc>
      <a:spcBef>
        <a:spcPts val="600"/>
      </a:spcBef>
      <a:spcAft>
        <a:spcPts val="200"/>
      </a:spcAft>
      <a:buClr>
        <a:schemeClr val="tx1"/>
      </a:buClr>
      <a:buSzPct val="70000"/>
      <a:buFont typeface="Wingdings" panose="05000000000000000000" pitchFamily="2" charset="2"/>
      <a:buNone/>
      <a:defRPr lang="en-US" sz="1600" b="0" i="1" kern="1200" baseline="0" dirty="0">
        <a:solidFill>
          <a:schemeClr val="accent3"/>
        </a:solidFill>
        <a:latin typeface="Georgia" panose="02040502050405020303" pitchFamily="18" charset="0"/>
        <a:ea typeface="+mn-ea"/>
        <a:cs typeface="+mn-cs"/>
      </a:defRPr>
    </a:lvl7pPr>
    <a:lvl8pPr marL="0" indent="0" algn="l" defTabSz="1008044" rtl="0" eaLnBrk="1" latinLnBrk="0" hangingPunct="1">
      <a:lnSpc>
        <a:spcPct val="110000"/>
      </a:lnSpc>
      <a:spcBef>
        <a:spcPts val="200"/>
      </a:spcBef>
      <a:buFont typeface="Source Sans Pro Light" panose="020B0604020202020204" pitchFamily="34" charset="0"/>
      <a:buNone/>
      <a:tabLst/>
      <a:defRPr sz="1000" kern="1200" baseline="0">
        <a:solidFill>
          <a:schemeClr val="tx1"/>
        </a:solidFill>
        <a:latin typeface="+mj-lt"/>
        <a:ea typeface="+mn-ea"/>
        <a:cs typeface="+mn-cs"/>
      </a:defRPr>
    </a:lvl8pPr>
    <a:lvl9pPr marL="180000" indent="-180000" algn="l" defTabSz="1008044" rtl="0" eaLnBrk="1" latinLnBrk="0" hangingPunct="1">
      <a:lnSpc>
        <a:spcPct val="110000"/>
      </a:lnSpc>
      <a:spcBef>
        <a:spcPts val="0"/>
      </a:spcBef>
      <a:spcAft>
        <a:spcPts val="0"/>
      </a:spcAft>
      <a:buFont typeface="+mj-lt"/>
      <a:buAutoNum type="alphaLcParenR"/>
      <a:defRPr sz="1000" i="0" kern="1200">
        <a:solidFill>
          <a:schemeClr val="tx1"/>
        </a:solidFill>
        <a:latin typeface="Source Sans Pro Light" panose="020B0403030403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671" userDrawn="1">
          <p15:clr>
            <a:srgbClr val="A4A3A4"/>
          </p15:clr>
        </p15:guide>
        <p15:guide id="3" orient="horz" pos="4491" userDrawn="1">
          <p15:clr>
            <a:srgbClr val="A4A3A4"/>
          </p15:clr>
        </p15:guide>
        <p15:guide id="4" orient="horz" pos="862" userDrawn="1">
          <p15:clr>
            <a:srgbClr val="A4A3A4"/>
          </p15:clr>
        </p15:guide>
        <p15:guide id="5" orient="horz" pos="441" userDrawn="1">
          <p15:clr>
            <a:srgbClr val="A4A3A4"/>
          </p15:clr>
        </p15:guide>
        <p15:guide id="6" orient="horz" pos="543" userDrawn="1">
          <p15:clr>
            <a:srgbClr val="A4A3A4"/>
          </p15:clr>
        </p15:guide>
        <p15:guide id="8" orient="horz" pos="2676" userDrawn="1">
          <p15:clr>
            <a:srgbClr val="A4A3A4"/>
          </p15:clr>
        </p15:guide>
        <p15:guide id="9" orient="horz" pos="2631" userDrawn="1">
          <p15:clr>
            <a:srgbClr val="A4A3A4"/>
          </p15:clr>
        </p15:guide>
        <p15:guide id="10" pos="270" userDrawn="1">
          <p15:clr>
            <a:srgbClr val="A4A3A4"/>
          </p15:clr>
        </p15:guide>
        <p15:guide id="11" pos="6464" userDrawn="1">
          <p15:clr>
            <a:srgbClr val="A4A3A4"/>
          </p15:clr>
        </p15:guide>
        <p15:guide id="12" pos="3413" userDrawn="1">
          <p15:clr>
            <a:srgbClr val="A4A3A4"/>
          </p15:clr>
        </p15:guide>
        <p15:guide id="13" pos="3322" userDrawn="1">
          <p15:clr>
            <a:srgbClr val="A4A3A4"/>
          </p15:clr>
        </p15:guide>
        <p15:guide id="14" pos="3368" userDrawn="1">
          <p15:clr>
            <a:srgbClr val="A4A3A4"/>
          </p15:clr>
        </p15:guide>
        <p15:guide id="15" pos="4900" userDrawn="1">
          <p15:clr>
            <a:srgbClr val="A4A3A4"/>
          </p15:clr>
        </p15:guide>
        <p15:guide id="16" pos="4808" userDrawn="1">
          <p15:clr>
            <a:srgbClr val="A4A3A4"/>
          </p15:clr>
        </p15:guide>
        <p15:guide id="17" pos="4854" userDrawn="1">
          <p15:clr>
            <a:srgbClr val="A4A3A4"/>
          </p15:clr>
        </p15:guide>
        <p15:guide id="18" orient="horz" pos="159" userDrawn="1">
          <p15:clr>
            <a:srgbClr val="A4A3A4"/>
          </p15:clr>
        </p15:guide>
        <p15:guide id="19" orient="horz" pos="339" userDrawn="1">
          <p15:clr>
            <a:srgbClr val="A4A3A4"/>
          </p15:clr>
        </p15:guide>
        <p15:guide id="20" orient="horz" pos="657" userDrawn="1">
          <p15:clr>
            <a:srgbClr val="A4A3A4"/>
          </p15:clr>
        </p15:guide>
        <p15:guide id="21" orient="horz" pos="2722" userDrawn="1">
          <p15:clr>
            <a:srgbClr val="A4A3A4"/>
          </p15:clr>
        </p15:guide>
        <p15:guide id="22" orient="horz" pos="4581" userDrawn="1">
          <p15:clr>
            <a:srgbClr val="A4A3A4"/>
          </p15:clr>
        </p15:guide>
        <p15:guide id="23" pos="1838" userDrawn="1">
          <p15:clr>
            <a:srgbClr val="A4A3A4"/>
          </p15:clr>
        </p15:guide>
        <p15:guide id="24" pos="1883" userDrawn="1">
          <p15:clr>
            <a:srgbClr val="A4A3A4"/>
          </p15:clr>
        </p15:guide>
        <p15:guide id="25" pos="1927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224" userDrawn="1">
          <p15:clr>
            <a:srgbClr val="A4A3A4"/>
          </p15:clr>
        </p15:guide>
        <p15:guide id="2" pos="2236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00"/>
    <a:srgbClr val="001437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6350" cmpd="sng">
              <a:solidFill>
                <a:schemeClr val="accent4"/>
              </a:solidFill>
            </a:ln>
          </a:left>
          <a:right>
            <a:ln w="6350" cmpd="sng">
              <a:solidFill>
                <a:schemeClr val="accent4"/>
              </a:solidFill>
            </a:ln>
          </a:right>
          <a:bottom>
            <a:ln w="6350" cmpd="sng">
              <a:solidFill>
                <a:schemeClr val="accent4"/>
              </a:solidFill>
            </a:ln>
          </a:bottom>
          <a:insideH>
            <a:ln w="6350" cmpd="sng">
              <a:solidFill>
                <a:schemeClr val="accent4"/>
              </a:solidFill>
            </a:ln>
          </a:insideH>
          <a:insideV>
            <a:ln w="6350" cmpd="sng">
              <a:solidFill>
                <a:schemeClr val="accent4"/>
              </a:solidFill>
            </a:ln>
          </a:insideV>
        </a:tcBdr>
        <a:fill>
          <a:solidFill>
            <a:schemeClr val="lt1">
              <a:tint val="100000"/>
            </a:schemeClr>
          </a:solidFill>
        </a:fill>
      </a:tcStyle>
    </a:wholeTbl>
    <a:band1H>
      <a:tcStyle>
        <a:tcBdr>
          <a:left>
            <a:ln w="6350" cmpd="sng">
              <a:solidFill>
                <a:schemeClr val="accent4"/>
              </a:solidFill>
            </a:ln>
          </a:left>
          <a:right>
            <a:ln w="6350" cmpd="sng">
              <a:solidFill>
                <a:schemeClr val="accent4"/>
              </a:solidFill>
            </a:ln>
          </a:right>
        </a:tcBdr>
        <a:fill>
          <a:solidFill>
            <a:schemeClr val="lt2">
              <a:tint val="40000"/>
            </a:schemeClr>
          </a:solidFill>
        </a:fill>
      </a:tcStyle>
    </a:band1H>
    <a:band2H>
      <a:tcStyle>
        <a:tcBdr>
          <a:left>
            <a:ln w="6350" cmpd="sng">
              <a:solidFill>
                <a:schemeClr val="accent4"/>
              </a:solidFill>
            </a:ln>
          </a:left>
          <a:right>
            <a:ln w="6350" cmpd="sng">
              <a:solidFill>
                <a:schemeClr val="accent4"/>
              </a:solidFill>
            </a:ln>
          </a:right>
        </a:tcBdr>
      </a:tcStyle>
    </a:band2H>
    <a:band1V>
      <a:tcStyle>
        <a:tcBdr/>
        <a:fill>
          <a:solidFill>
            <a:schemeClr val="lt2">
              <a:tint val="40000"/>
            </a:schemeClr>
          </a:solidFill>
        </a:fill>
      </a:tcStyle>
    </a:band1V>
    <a:band2V>
      <a:tcStyle>
        <a:tcBdr/>
      </a:tcStyle>
    </a:band2V>
    <a:lastCol>
      <a:tcTxStyle b="off">
        <a:fontRef idx="major">
          <a:prstClr val="black"/>
        </a:fontRef>
        <a:schemeClr val="dk1"/>
      </a:tcTxStyle>
      <a:tcStyle>
        <a:tcBdr/>
        <a:fill>
          <a:solidFill>
            <a:schemeClr val="accent4"/>
          </a:solidFill>
        </a:fill>
      </a:tcStyle>
    </a:lastCol>
    <a:firstCol>
      <a:tcTxStyle b="off">
        <a:fontRef idx="major">
          <a:prstClr val="black"/>
        </a:fontRef>
        <a:schemeClr val="dk1"/>
      </a:tcTxStyle>
      <a:tcStyle>
        <a:tcBdr/>
        <a:fill>
          <a:solidFill>
            <a:schemeClr val="accent4"/>
          </a:solidFill>
        </a:fill>
      </a:tcStyle>
    </a:firstCol>
    <a:lastRow>
      <a:tcTxStyle b="off">
        <a:fontRef idx="major">
          <a:prstClr val="white"/>
        </a:fontRef>
        <a:schemeClr val="lt1"/>
      </a:tcTxStyle>
      <a:tcStyle>
        <a:tcBdr>
          <a:top>
            <a:ln w="6350" cmpd="sng">
              <a:solidFill>
                <a:schemeClr val="accent5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ff">
        <a:fontRef idx="major">
          <a:prstClr val="white"/>
        </a:fontRef>
        <a:schemeClr val="lt1"/>
      </a:tcTxStyle>
      <a:tcStyle>
        <a:tcBdr>
          <a:left>
            <a:ln w="6350" cmpd="sng">
              <a:solidFill>
                <a:schemeClr val="accent1"/>
              </a:solidFill>
            </a:ln>
          </a:left>
          <a:right>
            <a:ln w="6350" cmpd="sng">
              <a:solidFill>
                <a:schemeClr val="accent1"/>
              </a:solidFill>
            </a:ln>
          </a:right>
          <a:top>
            <a:ln w="6350" cmpd="sng">
              <a:solidFill>
                <a:schemeClr val="accent1"/>
              </a:solidFill>
            </a:ln>
          </a:top>
          <a:bottom>
            <a:ln w="6350" cmpd="sng">
              <a:solidFill>
                <a:schemeClr val="lt2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>
        <p:guide orient="horz" pos="4671"/>
        <p:guide orient="horz" pos="4491"/>
        <p:guide orient="horz" pos="862"/>
        <p:guide orient="horz" pos="441"/>
        <p:guide orient="horz" pos="543"/>
        <p:guide orient="horz" pos="2676"/>
        <p:guide orient="horz" pos="2631"/>
        <p:guide pos="270"/>
        <p:guide pos="6464"/>
        <p:guide pos="3413"/>
        <p:guide pos="3322"/>
        <p:guide pos="3368"/>
        <p:guide pos="4900"/>
        <p:guide pos="4808"/>
        <p:guide pos="4854"/>
        <p:guide orient="horz" pos="159"/>
        <p:guide orient="horz" pos="339"/>
        <p:guide orient="horz" pos="657"/>
        <p:guide orient="horz" pos="2722"/>
        <p:guide orient="horz" pos="4581"/>
        <p:guide pos="1838"/>
        <p:guide pos="1883"/>
        <p:guide pos="1927"/>
      </p:guideLst>
    </p:cSldViewPr>
  </p:slideViewPr>
  <p:notesViewPr>
    <p:cSldViewPr snapToGrid="0">
      <p:cViewPr>
        <p:scale>
          <a:sx n="1" d="2"/>
          <a:sy n="1" d="2"/>
        </p:scale>
        <p:origin x="0" y="0"/>
      </p:cViewPr>
      <p:guideLst>
        <p:guide orient="horz" pos="3224"/>
        <p:guide pos="2236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076363" cy="513508"/>
          </a:xfrm>
          <a:prstGeom prst="rect">
            <a:avLst/>
          </a:prstGeom>
        </p:spPr>
        <p:txBody>
          <a:bodyPr vert="horz" lIns="94768" tIns="47384" rIns="94768" bIns="47384" rtlCol="0"/>
          <a:lstStyle>
            <a:lvl1pPr algn="l">
              <a:defRPr sz="1200"/>
            </a:lvl1pPr>
          </a:lstStyle>
          <a:p>
            <a:endParaRPr lang="en-US">
              <a:latin typeface="Source Sans Pro Light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021295" y="0"/>
            <a:ext cx="3076363" cy="513508"/>
          </a:xfrm>
          <a:prstGeom prst="rect">
            <a:avLst/>
          </a:prstGeom>
        </p:spPr>
        <p:txBody>
          <a:bodyPr vert="horz" lIns="94768" tIns="47384" rIns="94768" bIns="47384" rtlCol="0"/>
          <a:lstStyle>
            <a:lvl1pPr algn="r">
              <a:defRPr sz="1200"/>
            </a:lvl1pPr>
          </a:lstStyle>
          <a:p>
            <a:fld id="{6ECACE04-D484-4BAB-9B99-9EC584792F05}" type="datetimeFigureOut">
              <a:rPr lang="en-US">
                <a:latin typeface="Source Sans Pro Light" panose="020B0604020202020204" pitchFamily="34" charset="0"/>
              </a:rPr>
              <a:t>5/10/2019</a:t>
            </a:fld>
            <a:endParaRPr lang="en-US">
              <a:latin typeface="Source Sans Pro Light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9721107"/>
            <a:ext cx="3076363" cy="513507"/>
          </a:xfrm>
          <a:prstGeom prst="rect">
            <a:avLst/>
          </a:prstGeom>
        </p:spPr>
        <p:txBody>
          <a:bodyPr vert="horz" lIns="94768" tIns="47384" rIns="94768" bIns="47384" rtlCol="0" anchor="b"/>
          <a:lstStyle>
            <a:lvl1pPr algn="l">
              <a:defRPr sz="1200"/>
            </a:lvl1pPr>
          </a:lstStyle>
          <a:p>
            <a:endParaRPr lang="en-US">
              <a:latin typeface="Source Sans Pro Light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021295" y="9721107"/>
            <a:ext cx="3076363" cy="513507"/>
          </a:xfrm>
          <a:prstGeom prst="rect">
            <a:avLst/>
          </a:prstGeom>
        </p:spPr>
        <p:txBody>
          <a:bodyPr vert="horz" lIns="94768" tIns="47384" rIns="94768" bIns="47384" rtlCol="0" anchor="b"/>
          <a:lstStyle>
            <a:lvl1pPr algn="r">
              <a:defRPr sz="1200"/>
            </a:lvl1pPr>
          </a:lstStyle>
          <a:p>
            <a:fld id="{8A8432F5-785B-4AA7-93A0-3048F00B2E4C}" type="slidenum">
              <a:rPr lang="en-US">
                <a:latin typeface="Source Sans Pro Light" panose="020B0604020202020204" pitchFamily="34" charset="0"/>
              </a:rPr>
              <a:t>‹#›</a:t>
            </a:fld>
            <a:endParaRPr lang="en-US">
              <a:latin typeface="Source Sans Pro Light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2307334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076363" cy="511731"/>
          </a:xfrm>
          <a:prstGeom prst="rect">
            <a:avLst/>
          </a:prstGeom>
        </p:spPr>
        <p:txBody>
          <a:bodyPr vert="horz" lIns="94768" tIns="47384" rIns="94768" bIns="47384" rtlCol="0"/>
          <a:lstStyle>
            <a:lvl1pPr algn="l">
              <a:defRPr sz="1200">
                <a:latin typeface="Source Sans Pro Light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1295" y="0"/>
            <a:ext cx="3076363" cy="511731"/>
          </a:xfrm>
          <a:prstGeom prst="rect">
            <a:avLst/>
          </a:prstGeom>
        </p:spPr>
        <p:txBody>
          <a:bodyPr vert="horz" lIns="94768" tIns="47384" rIns="94768" bIns="47384" rtlCol="0"/>
          <a:lstStyle>
            <a:lvl1pPr algn="r">
              <a:defRPr sz="1200">
                <a:latin typeface="Source Sans Pro Light" panose="020B0604020202020204" pitchFamily="34" charset="0"/>
              </a:defRPr>
            </a:lvl1pPr>
          </a:lstStyle>
          <a:p>
            <a:fld id="{539D999F-F868-4432-A6C8-4E530226A2F6}" type="datetimeFigureOut">
              <a:rPr lang="en-US"/>
              <a:pPr/>
              <a:t>5/10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836613" y="768350"/>
            <a:ext cx="5426075" cy="3836988"/>
          </a:xfrm>
          <a:prstGeom prst="rect">
            <a:avLst/>
          </a:prstGeom>
          <a:noFill/>
          <a:ln w="6350">
            <a:solidFill>
              <a:prstClr val="black"/>
            </a:solidFill>
          </a:ln>
        </p:spPr>
        <p:txBody>
          <a:bodyPr vert="horz" lIns="94768" tIns="47384" rIns="94768" bIns="47384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931" y="4861442"/>
            <a:ext cx="5679440" cy="4605576"/>
          </a:xfrm>
          <a:prstGeom prst="rect">
            <a:avLst/>
          </a:prstGeom>
        </p:spPr>
        <p:txBody>
          <a:bodyPr vert="horz" lIns="94768" tIns="47384" rIns="94768" bIns="47384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9721106"/>
            <a:ext cx="3076363" cy="511731"/>
          </a:xfrm>
          <a:prstGeom prst="rect">
            <a:avLst/>
          </a:prstGeom>
        </p:spPr>
        <p:txBody>
          <a:bodyPr vert="horz" lIns="94768" tIns="47384" rIns="94768" bIns="47384" rtlCol="0" anchor="b"/>
          <a:lstStyle>
            <a:lvl1pPr algn="l">
              <a:defRPr sz="1200">
                <a:latin typeface="Source Sans Pro Light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1295" y="9721106"/>
            <a:ext cx="3076363" cy="511731"/>
          </a:xfrm>
          <a:prstGeom prst="rect">
            <a:avLst/>
          </a:prstGeom>
        </p:spPr>
        <p:txBody>
          <a:bodyPr vert="horz" lIns="94768" tIns="47384" rIns="94768" bIns="47384" rtlCol="0" anchor="b"/>
          <a:lstStyle>
            <a:lvl1pPr algn="r">
              <a:defRPr sz="1200">
                <a:latin typeface="Source Sans Pro Light" panose="020B0604020202020204" pitchFamily="34" charset="0"/>
              </a:defRPr>
            </a:lvl1pPr>
          </a:lstStyle>
          <a:p>
            <a:fld id="{60DB4552-3D69-4E2D-A256-245DD04F23B6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462033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343" rtl="0" eaLnBrk="1" latinLnBrk="0" hangingPunct="1">
      <a:defRPr sz="1200" kern="1200">
        <a:solidFill>
          <a:schemeClr val="tx1"/>
        </a:solidFill>
        <a:latin typeface="Source Sans Pro Light" panose="020B0604020202020204" pitchFamily="34" charset="0"/>
        <a:ea typeface="+mn-ea"/>
        <a:cs typeface="+mn-cs"/>
      </a:defRPr>
    </a:lvl1pPr>
    <a:lvl2pPr marL="457171" algn="l" defTabSz="914343" rtl="0" eaLnBrk="1" latinLnBrk="0" hangingPunct="1">
      <a:defRPr sz="1200" kern="1200">
        <a:solidFill>
          <a:schemeClr val="tx1"/>
        </a:solidFill>
        <a:latin typeface="Source Sans Pro Light" panose="020B0604020202020204" pitchFamily="34" charset="0"/>
        <a:ea typeface="+mn-ea"/>
        <a:cs typeface="+mn-cs"/>
      </a:defRPr>
    </a:lvl2pPr>
    <a:lvl3pPr marL="914343" algn="l" defTabSz="914343" rtl="0" eaLnBrk="1" latinLnBrk="0" hangingPunct="1">
      <a:defRPr sz="1200" kern="1200">
        <a:solidFill>
          <a:schemeClr val="tx1"/>
        </a:solidFill>
        <a:latin typeface="Source Sans Pro Light" panose="020B0604020202020204" pitchFamily="34" charset="0"/>
        <a:ea typeface="+mn-ea"/>
        <a:cs typeface="+mn-cs"/>
      </a:defRPr>
    </a:lvl3pPr>
    <a:lvl4pPr marL="1371513" algn="l" defTabSz="914343" rtl="0" eaLnBrk="1" latinLnBrk="0" hangingPunct="1">
      <a:defRPr sz="1200" kern="1200">
        <a:solidFill>
          <a:schemeClr val="tx1"/>
        </a:solidFill>
        <a:latin typeface="Source Sans Pro Light" panose="020B0604020202020204" pitchFamily="34" charset="0"/>
        <a:ea typeface="+mn-ea"/>
        <a:cs typeface="+mn-cs"/>
      </a:defRPr>
    </a:lvl4pPr>
    <a:lvl5pPr marL="1828685" algn="l" defTabSz="914343" rtl="0" eaLnBrk="1" latinLnBrk="0" hangingPunct="1">
      <a:defRPr sz="1200" kern="1200">
        <a:solidFill>
          <a:schemeClr val="tx1"/>
        </a:solidFill>
        <a:latin typeface="Source Sans Pro Light" panose="020B0604020202020204" pitchFamily="34" charset="0"/>
        <a:ea typeface="+mn-ea"/>
        <a:cs typeface="+mn-cs"/>
      </a:defRPr>
    </a:lvl5pPr>
    <a:lvl6pPr marL="2285856" algn="l" defTabSz="91434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027" algn="l" defTabSz="91434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198" algn="l" defTabSz="91434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369" algn="l" defTabSz="91434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0DB4552-3D69-4E2D-A256-245DD04F23B6}" type="slidenum">
              <a:rPr lang="en-US"/>
              <a:pPr/>
              <a:t>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98192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0DB4552-3D69-4E2D-A256-245DD04F23B6}" type="slidenum">
              <a:rPr lang="en-US" smtClean="0"/>
              <a:pPr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683812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0DB4552-3D69-4E2D-A256-245DD04F23B6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076776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5" name="Guidance"/>
          <p:cNvGrpSpPr/>
          <p:nvPr userDrawn="1"/>
        </p:nvGrpSpPr>
        <p:grpSpPr>
          <a:xfrm>
            <a:off x="10730546" y="6501757"/>
            <a:ext cx="1233223" cy="820036"/>
            <a:chOff x="10730546" y="6501757"/>
            <a:chExt cx="1233223" cy="820036"/>
          </a:xfrm>
        </p:grpSpPr>
        <p:cxnSp>
          <p:nvCxnSpPr>
            <p:cNvPr id="26" name="Guidance Arrow 3"/>
            <p:cNvCxnSpPr>
              <a:stCxn id="29" idx="1"/>
            </p:cNvCxnSpPr>
            <p:nvPr userDrawn="1"/>
          </p:nvCxnSpPr>
          <p:spPr>
            <a:xfrm rot="10800000" flipV="1">
              <a:off x="10730547" y="6873675"/>
              <a:ext cx="290259" cy="448118"/>
            </a:xfrm>
            <a:prstGeom prst="bentConnector3">
              <a:avLst>
                <a:gd name="adj1" fmla="val 50000"/>
              </a:avLst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Guidance Arrow 2"/>
            <p:cNvCxnSpPr>
              <a:stCxn id="29" idx="1"/>
            </p:cNvCxnSpPr>
            <p:nvPr userDrawn="1"/>
          </p:nvCxnSpPr>
          <p:spPr>
            <a:xfrm flipH="1">
              <a:off x="10730546" y="6873675"/>
              <a:ext cx="290259" cy="249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Guidance Arrow 1"/>
            <p:cNvCxnSpPr>
              <a:stCxn id="29" idx="1"/>
            </p:cNvCxnSpPr>
            <p:nvPr userDrawn="1"/>
          </p:nvCxnSpPr>
          <p:spPr>
            <a:xfrm rot="10800000">
              <a:off x="10730547" y="6501757"/>
              <a:ext cx="290259" cy="371918"/>
            </a:xfrm>
            <a:prstGeom prst="bentConnector3">
              <a:avLst>
                <a:gd name="adj1" fmla="val 50000"/>
              </a:avLst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Guidance Text"/>
            <p:cNvSpPr txBox="1"/>
            <p:nvPr userDrawn="1"/>
          </p:nvSpPr>
          <p:spPr>
            <a:xfrm>
              <a:off x="11020805" y="6704398"/>
              <a:ext cx="942964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 anchor="ctr">
              <a:spAutoFit/>
            </a:bodyPr>
            <a:lstStyle/>
            <a:p>
              <a:pPr algn="l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  <p:grpSp>
        <p:nvGrpSpPr>
          <p:cNvPr id="31" name="ION logo">
            <a:extLst>
              <a:ext uri="{FF2B5EF4-FFF2-40B4-BE49-F238E27FC236}">
                <a16:creationId xmlns:a16="http://schemas.microsoft.com/office/drawing/2014/main" id="{168E14BE-D5FB-4257-A6E4-35D303FA67B5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8169517" y="3159919"/>
            <a:ext cx="2165707" cy="1101600"/>
            <a:chOff x="3787776" y="2987675"/>
            <a:chExt cx="3117850" cy="1585913"/>
          </a:xfrm>
          <a:solidFill>
            <a:srgbClr val="FFFF00">
              <a:alpha val="50196"/>
            </a:srgbClr>
          </a:solidFill>
        </p:grpSpPr>
        <p:sp>
          <p:nvSpPr>
            <p:cNvPr id="33" name="Protons">
              <a:extLst>
                <a:ext uri="{FF2B5EF4-FFF2-40B4-BE49-F238E27FC236}">
                  <a16:creationId xmlns:a16="http://schemas.microsoft.com/office/drawing/2014/main" id="{8DD592DA-CA10-49DC-9036-60CF53D2BE3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787776" y="2987675"/>
              <a:ext cx="2597150" cy="1296987"/>
            </a:xfrm>
            <a:custGeom>
              <a:avLst/>
              <a:gdLst>
                <a:gd name="T0" fmla="*/ 463 w 2400"/>
                <a:gd name="T1" fmla="*/ 900 h 1200"/>
                <a:gd name="T2" fmla="*/ 480 w 2400"/>
                <a:gd name="T3" fmla="*/ 960 h 1200"/>
                <a:gd name="T4" fmla="*/ 463 w 2400"/>
                <a:gd name="T5" fmla="*/ 1020 h 1200"/>
                <a:gd name="T6" fmla="*/ 360 w 2400"/>
                <a:gd name="T7" fmla="*/ 960 h 1200"/>
                <a:gd name="T8" fmla="*/ 463 w 2400"/>
                <a:gd name="T9" fmla="*/ 900 h 1200"/>
                <a:gd name="T10" fmla="*/ 256 w 2400"/>
                <a:gd name="T11" fmla="*/ 900 h 1200"/>
                <a:gd name="T12" fmla="*/ 240 w 2400"/>
                <a:gd name="T13" fmla="*/ 960 h 1200"/>
                <a:gd name="T14" fmla="*/ 256 w 2400"/>
                <a:gd name="T15" fmla="*/ 1020 h 1200"/>
                <a:gd name="T16" fmla="*/ 360 w 2400"/>
                <a:gd name="T17" fmla="*/ 960 h 1200"/>
                <a:gd name="T18" fmla="*/ 256 w 2400"/>
                <a:gd name="T19" fmla="*/ 900 h 1200"/>
                <a:gd name="T20" fmla="*/ 2160 w 2400"/>
                <a:gd name="T21" fmla="*/ 840 h 1200"/>
                <a:gd name="T22" fmla="*/ 2040 w 2400"/>
                <a:gd name="T23" fmla="*/ 720 h 1200"/>
                <a:gd name="T24" fmla="*/ 2040 w 2400"/>
                <a:gd name="T25" fmla="*/ 720 h 1200"/>
                <a:gd name="T26" fmla="*/ 1920 w 2400"/>
                <a:gd name="T27" fmla="*/ 840 h 1200"/>
                <a:gd name="T28" fmla="*/ 2040 w 2400"/>
                <a:gd name="T29" fmla="*/ 960 h 1200"/>
                <a:gd name="T30" fmla="*/ 2160 w 2400"/>
                <a:gd name="T31" fmla="*/ 840 h 1200"/>
                <a:gd name="T32" fmla="*/ 2383 w 2400"/>
                <a:gd name="T33" fmla="*/ 1020 h 1200"/>
                <a:gd name="T34" fmla="*/ 2280 w 2400"/>
                <a:gd name="T35" fmla="*/ 960 h 1200"/>
                <a:gd name="T36" fmla="*/ 2280 w 2400"/>
                <a:gd name="T37" fmla="*/ 960 h 1200"/>
                <a:gd name="T38" fmla="*/ 2176 w 2400"/>
                <a:gd name="T39" fmla="*/ 1020 h 1200"/>
                <a:gd name="T40" fmla="*/ 2160 w 2400"/>
                <a:gd name="T41" fmla="*/ 1080 h 1200"/>
                <a:gd name="T42" fmla="*/ 2160 w 2400"/>
                <a:gd name="T43" fmla="*/ 1080 h 1200"/>
                <a:gd name="T44" fmla="*/ 2280 w 2400"/>
                <a:gd name="T45" fmla="*/ 1200 h 1200"/>
                <a:gd name="T46" fmla="*/ 2400 w 2400"/>
                <a:gd name="T47" fmla="*/ 1080 h 1200"/>
                <a:gd name="T48" fmla="*/ 2383 w 2400"/>
                <a:gd name="T49" fmla="*/ 1020 h 1200"/>
                <a:gd name="T50" fmla="*/ 120 w 2400"/>
                <a:gd name="T51" fmla="*/ 0 h 1200"/>
                <a:gd name="T52" fmla="*/ 0 w 2400"/>
                <a:gd name="T53" fmla="*/ 120 h 1200"/>
                <a:gd name="T54" fmla="*/ 120 w 2400"/>
                <a:gd name="T55" fmla="*/ 240 h 1200"/>
                <a:gd name="T56" fmla="*/ 240 w 2400"/>
                <a:gd name="T57" fmla="*/ 120 h 1200"/>
                <a:gd name="T58" fmla="*/ 120 w 2400"/>
                <a:gd name="T59" fmla="*/ 0 h 12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2400" h="1200">
                  <a:moveTo>
                    <a:pt x="463" y="900"/>
                  </a:moveTo>
                  <a:cubicBezTo>
                    <a:pt x="474" y="918"/>
                    <a:pt x="480" y="938"/>
                    <a:pt x="480" y="960"/>
                  </a:cubicBezTo>
                  <a:cubicBezTo>
                    <a:pt x="480" y="982"/>
                    <a:pt x="474" y="1002"/>
                    <a:pt x="463" y="1020"/>
                  </a:cubicBezTo>
                  <a:cubicBezTo>
                    <a:pt x="443" y="984"/>
                    <a:pt x="404" y="960"/>
                    <a:pt x="360" y="960"/>
                  </a:cubicBezTo>
                  <a:cubicBezTo>
                    <a:pt x="404" y="960"/>
                    <a:pt x="443" y="936"/>
                    <a:pt x="463" y="900"/>
                  </a:cubicBezTo>
                  <a:moveTo>
                    <a:pt x="256" y="900"/>
                  </a:moveTo>
                  <a:cubicBezTo>
                    <a:pt x="246" y="918"/>
                    <a:pt x="240" y="938"/>
                    <a:pt x="240" y="960"/>
                  </a:cubicBezTo>
                  <a:cubicBezTo>
                    <a:pt x="240" y="982"/>
                    <a:pt x="246" y="1002"/>
                    <a:pt x="256" y="1020"/>
                  </a:cubicBezTo>
                  <a:cubicBezTo>
                    <a:pt x="277" y="984"/>
                    <a:pt x="315" y="960"/>
                    <a:pt x="360" y="960"/>
                  </a:cubicBezTo>
                  <a:cubicBezTo>
                    <a:pt x="315" y="960"/>
                    <a:pt x="277" y="936"/>
                    <a:pt x="256" y="900"/>
                  </a:cubicBezTo>
                  <a:moveTo>
                    <a:pt x="2160" y="840"/>
                  </a:moveTo>
                  <a:cubicBezTo>
                    <a:pt x="2160" y="774"/>
                    <a:pt x="2106" y="720"/>
                    <a:pt x="2040" y="720"/>
                  </a:cubicBezTo>
                  <a:cubicBezTo>
                    <a:pt x="2040" y="720"/>
                    <a:pt x="2040" y="720"/>
                    <a:pt x="2040" y="720"/>
                  </a:cubicBezTo>
                  <a:cubicBezTo>
                    <a:pt x="1973" y="720"/>
                    <a:pt x="1920" y="774"/>
                    <a:pt x="1920" y="840"/>
                  </a:cubicBezTo>
                  <a:cubicBezTo>
                    <a:pt x="1920" y="906"/>
                    <a:pt x="1973" y="960"/>
                    <a:pt x="2040" y="960"/>
                  </a:cubicBezTo>
                  <a:cubicBezTo>
                    <a:pt x="2106" y="960"/>
                    <a:pt x="2160" y="906"/>
                    <a:pt x="2160" y="840"/>
                  </a:cubicBezTo>
                  <a:close/>
                  <a:moveTo>
                    <a:pt x="2383" y="1020"/>
                  </a:moveTo>
                  <a:cubicBezTo>
                    <a:pt x="2363" y="984"/>
                    <a:pt x="2324" y="960"/>
                    <a:pt x="2280" y="960"/>
                  </a:cubicBezTo>
                  <a:cubicBezTo>
                    <a:pt x="2280" y="960"/>
                    <a:pt x="2280" y="960"/>
                    <a:pt x="2280" y="960"/>
                  </a:cubicBezTo>
                  <a:cubicBezTo>
                    <a:pt x="2235" y="960"/>
                    <a:pt x="2197" y="984"/>
                    <a:pt x="2176" y="1020"/>
                  </a:cubicBezTo>
                  <a:cubicBezTo>
                    <a:pt x="2166" y="1038"/>
                    <a:pt x="2160" y="1058"/>
                    <a:pt x="2160" y="1080"/>
                  </a:cubicBezTo>
                  <a:cubicBezTo>
                    <a:pt x="2160" y="1080"/>
                    <a:pt x="2160" y="1080"/>
                    <a:pt x="2160" y="1080"/>
                  </a:cubicBezTo>
                  <a:cubicBezTo>
                    <a:pt x="2160" y="1146"/>
                    <a:pt x="2213" y="1200"/>
                    <a:pt x="2280" y="1200"/>
                  </a:cubicBezTo>
                  <a:cubicBezTo>
                    <a:pt x="2346" y="1200"/>
                    <a:pt x="2400" y="1146"/>
                    <a:pt x="2400" y="1080"/>
                  </a:cubicBezTo>
                  <a:cubicBezTo>
                    <a:pt x="2400" y="1058"/>
                    <a:pt x="2394" y="1038"/>
                    <a:pt x="2383" y="1020"/>
                  </a:cubicBezTo>
                  <a:moveTo>
                    <a:pt x="120" y="0"/>
                  </a:moveTo>
                  <a:cubicBezTo>
                    <a:pt x="53" y="0"/>
                    <a:pt x="0" y="54"/>
                    <a:pt x="0" y="120"/>
                  </a:cubicBezTo>
                  <a:cubicBezTo>
                    <a:pt x="0" y="186"/>
                    <a:pt x="53" y="240"/>
                    <a:pt x="120" y="240"/>
                  </a:cubicBezTo>
                  <a:cubicBezTo>
                    <a:pt x="186" y="240"/>
                    <a:pt x="240" y="186"/>
                    <a:pt x="240" y="120"/>
                  </a:cubicBezTo>
                  <a:cubicBezTo>
                    <a:pt x="240" y="54"/>
                    <a:pt x="186" y="0"/>
                    <a:pt x="120" y="0"/>
                  </a:cubicBezTo>
                </a:path>
              </a:pathLst>
            </a:custGeom>
            <a:solidFill>
              <a:schemeClr val="accent3"/>
            </a:solidFill>
            <a:ln w="1588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0" name="Electrons">
              <a:extLst>
                <a:ext uri="{FF2B5EF4-FFF2-40B4-BE49-F238E27FC236}">
                  <a16:creationId xmlns:a16="http://schemas.microsoft.com/office/drawing/2014/main" id="{9BF5B702-E4B3-45B9-AF4E-64A62F919BC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046538" y="3246438"/>
              <a:ext cx="2859088" cy="1038225"/>
            </a:xfrm>
            <a:custGeom>
              <a:avLst/>
              <a:gdLst>
                <a:gd name="T0" fmla="*/ 2143 w 2640"/>
                <a:gd name="T1" fmla="*/ 660 h 960"/>
                <a:gd name="T2" fmla="*/ 2160 w 2640"/>
                <a:gd name="T3" fmla="*/ 720 h 960"/>
                <a:gd name="T4" fmla="*/ 2143 w 2640"/>
                <a:gd name="T5" fmla="*/ 780 h 960"/>
                <a:gd name="T6" fmla="*/ 2040 w 2640"/>
                <a:gd name="T7" fmla="*/ 720 h 960"/>
                <a:gd name="T8" fmla="*/ 2143 w 2640"/>
                <a:gd name="T9" fmla="*/ 660 h 960"/>
                <a:gd name="T10" fmla="*/ 1936 w 2640"/>
                <a:gd name="T11" fmla="*/ 420 h 960"/>
                <a:gd name="T12" fmla="*/ 1920 w 2640"/>
                <a:gd name="T13" fmla="*/ 480 h 960"/>
                <a:gd name="T14" fmla="*/ 1936 w 2640"/>
                <a:gd name="T15" fmla="*/ 540 h 960"/>
                <a:gd name="T16" fmla="*/ 2040 w 2640"/>
                <a:gd name="T17" fmla="*/ 480 h 960"/>
                <a:gd name="T18" fmla="*/ 1936 w 2640"/>
                <a:gd name="T19" fmla="*/ 420 h 960"/>
                <a:gd name="T20" fmla="*/ 2040 w 2640"/>
                <a:gd name="T21" fmla="*/ 480 h 960"/>
                <a:gd name="T22" fmla="*/ 2143 w 2640"/>
                <a:gd name="T23" fmla="*/ 540 h 960"/>
                <a:gd name="T24" fmla="*/ 2160 w 2640"/>
                <a:gd name="T25" fmla="*/ 480 h 960"/>
                <a:gd name="T26" fmla="*/ 2143 w 2640"/>
                <a:gd name="T27" fmla="*/ 420 h 960"/>
                <a:gd name="T28" fmla="*/ 2040 w 2640"/>
                <a:gd name="T29" fmla="*/ 480 h 960"/>
                <a:gd name="T30" fmla="*/ 120 w 2640"/>
                <a:gd name="T31" fmla="*/ 480 h 960"/>
                <a:gd name="T32" fmla="*/ 0 w 2640"/>
                <a:gd name="T33" fmla="*/ 600 h 960"/>
                <a:gd name="T34" fmla="*/ 16 w 2640"/>
                <a:gd name="T35" fmla="*/ 660 h 960"/>
                <a:gd name="T36" fmla="*/ 120 w 2640"/>
                <a:gd name="T37" fmla="*/ 720 h 960"/>
                <a:gd name="T38" fmla="*/ 223 w 2640"/>
                <a:gd name="T39" fmla="*/ 660 h 960"/>
                <a:gd name="T40" fmla="*/ 240 w 2640"/>
                <a:gd name="T41" fmla="*/ 600 h 960"/>
                <a:gd name="T42" fmla="*/ 120 w 2640"/>
                <a:gd name="T43" fmla="*/ 480 h 960"/>
                <a:gd name="T44" fmla="*/ 1560 w 2640"/>
                <a:gd name="T45" fmla="*/ 480 h 960"/>
                <a:gd name="T46" fmla="*/ 1440 w 2640"/>
                <a:gd name="T47" fmla="*/ 600 h 960"/>
                <a:gd name="T48" fmla="*/ 1456 w 2640"/>
                <a:gd name="T49" fmla="*/ 660 h 960"/>
                <a:gd name="T50" fmla="*/ 1440 w 2640"/>
                <a:gd name="T51" fmla="*/ 720 h 960"/>
                <a:gd name="T52" fmla="*/ 1456 w 2640"/>
                <a:gd name="T53" fmla="*/ 780 h 960"/>
                <a:gd name="T54" fmla="*/ 1440 w 2640"/>
                <a:gd name="T55" fmla="*/ 840 h 960"/>
                <a:gd name="T56" fmla="*/ 1560 w 2640"/>
                <a:gd name="T57" fmla="*/ 960 h 960"/>
                <a:gd name="T58" fmla="*/ 1680 w 2640"/>
                <a:gd name="T59" fmla="*/ 840 h 960"/>
                <a:gd name="T60" fmla="*/ 1663 w 2640"/>
                <a:gd name="T61" fmla="*/ 780 h 960"/>
                <a:gd name="T62" fmla="*/ 1680 w 2640"/>
                <a:gd name="T63" fmla="*/ 720 h 960"/>
                <a:gd name="T64" fmla="*/ 1663 w 2640"/>
                <a:gd name="T65" fmla="*/ 660 h 960"/>
                <a:gd name="T66" fmla="*/ 1680 w 2640"/>
                <a:gd name="T67" fmla="*/ 600 h 960"/>
                <a:gd name="T68" fmla="*/ 1560 w 2640"/>
                <a:gd name="T69" fmla="*/ 480 h 960"/>
                <a:gd name="T70" fmla="*/ 2520 w 2640"/>
                <a:gd name="T71" fmla="*/ 0 h 960"/>
                <a:gd name="T72" fmla="*/ 2400 w 2640"/>
                <a:gd name="T73" fmla="*/ 120 h 960"/>
                <a:gd name="T74" fmla="*/ 2520 w 2640"/>
                <a:gd name="T75" fmla="*/ 240 h 960"/>
                <a:gd name="T76" fmla="*/ 2640 w 2640"/>
                <a:gd name="T77" fmla="*/ 120 h 960"/>
                <a:gd name="T78" fmla="*/ 2520 w 2640"/>
                <a:gd name="T79" fmla="*/ 0 h 9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</a:cxnLst>
              <a:rect l="0" t="0" r="r" b="b"/>
              <a:pathLst>
                <a:path w="2640" h="960">
                  <a:moveTo>
                    <a:pt x="2143" y="660"/>
                  </a:moveTo>
                  <a:cubicBezTo>
                    <a:pt x="2154" y="678"/>
                    <a:pt x="2160" y="698"/>
                    <a:pt x="2160" y="720"/>
                  </a:cubicBezTo>
                  <a:cubicBezTo>
                    <a:pt x="2160" y="742"/>
                    <a:pt x="2154" y="762"/>
                    <a:pt x="2143" y="780"/>
                  </a:cubicBezTo>
                  <a:cubicBezTo>
                    <a:pt x="2123" y="744"/>
                    <a:pt x="2084" y="720"/>
                    <a:pt x="2040" y="720"/>
                  </a:cubicBezTo>
                  <a:cubicBezTo>
                    <a:pt x="2084" y="720"/>
                    <a:pt x="2123" y="696"/>
                    <a:pt x="2143" y="660"/>
                  </a:cubicBezTo>
                  <a:moveTo>
                    <a:pt x="1936" y="420"/>
                  </a:moveTo>
                  <a:cubicBezTo>
                    <a:pt x="1926" y="438"/>
                    <a:pt x="1920" y="458"/>
                    <a:pt x="1920" y="480"/>
                  </a:cubicBezTo>
                  <a:cubicBezTo>
                    <a:pt x="1920" y="502"/>
                    <a:pt x="1926" y="522"/>
                    <a:pt x="1936" y="540"/>
                  </a:cubicBezTo>
                  <a:cubicBezTo>
                    <a:pt x="1957" y="504"/>
                    <a:pt x="1995" y="480"/>
                    <a:pt x="2040" y="480"/>
                  </a:cubicBezTo>
                  <a:cubicBezTo>
                    <a:pt x="1995" y="480"/>
                    <a:pt x="1957" y="456"/>
                    <a:pt x="1936" y="420"/>
                  </a:cubicBezTo>
                  <a:moveTo>
                    <a:pt x="2040" y="480"/>
                  </a:moveTo>
                  <a:cubicBezTo>
                    <a:pt x="2084" y="480"/>
                    <a:pt x="2123" y="504"/>
                    <a:pt x="2143" y="540"/>
                  </a:cubicBezTo>
                  <a:cubicBezTo>
                    <a:pt x="2154" y="522"/>
                    <a:pt x="2160" y="502"/>
                    <a:pt x="2160" y="480"/>
                  </a:cubicBezTo>
                  <a:cubicBezTo>
                    <a:pt x="2160" y="458"/>
                    <a:pt x="2154" y="438"/>
                    <a:pt x="2143" y="420"/>
                  </a:cubicBezTo>
                  <a:cubicBezTo>
                    <a:pt x="2123" y="456"/>
                    <a:pt x="2084" y="480"/>
                    <a:pt x="2040" y="480"/>
                  </a:cubicBezTo>
                  <a:moveTo>
                    <a:pt x="120" y="480"/>
                  </a:moveTo>
                  <a:cubicBezTo>
                    <a:pt x="53" y="480"/>
                    <a:pt x="0" y="534"/>
                    <a:pt x="0" y="600"/>
                  </a:cubicBezTo>
                  <a:cubicBezTo>
                    <a:pt x="0" y="622"/>
                    <a:pt x="6" y="642"/>
                    <a:pt x="16" y="660"/>
                  </a:cubicBezTo>
                  <a:cubicBezTo>
                    <a:pt x="37" y="696"/>
                    <a:pt x="75" y="720"/>
                    <a:pt x="120" y="720"/>
                  </a:cubicBezTo>
                  <a:cubicBezTo>
                    <a:pt x="164" y="720"/>
                    <a:pt x="203" y="696"/>
                    <a:pt x="223" y="660"/>
                  </a:cubicBezTo>
                  <a:cubicBezTo>
                    <a:pt x="234" y="642"/>
                    <a:pt x="240" y="622"/>
                    <a:pt x="240" y="600"/>
                  </a:cubicBezTo>
                  <a:cubicBezTo>
                    <a:pt x="240" y="534"/>
                    <a:pt x="186" y="480"/>
                    <a:pt x="120" y="480"/>
                  </a:cubicBezTo>
                  <a:moveTo>
                    <a:pt x="1560" y="480"/>
                  </a:moveTo>
                  <a:cubicBezTo>
                    <a:pt x="1493" y="480"/>
                    <a:pt x="1440" y="534"/>
                    <a:pt x="1440" y="600"/>
                  </a:cubicBezTo>
                  <a:cubicBezTo>
                    <a:pt x="1440" y="622"/>
                    <a:pt x="1446" y="642"/>
                    <a:pt x="1456" y="660"/>
                  </a:cubicBezTo>
                  <a:cubicBezTo>
                    <a:pt x="1446" y="678"/>
                    <a:pt x="1440" y="698"/>
                    <a:pt x="1440" y="720"/>
                  </a:cubicBezTo>
                  <a:cubicBezTo>
                    <a:pt x="1440" y="742"/>
                    <a:pt x="1446" y="762"/>
                    <a:pt x="1456" y="780"/>
                  </a:cubicBezTo>
                  <a:cubicBezTo>
                    <a:pt x="1446" y="798"/>
                    <a:pt x="1440" y="818"/>
                    <a:pt x="1440" y="840"/>
                  </a:cubicBezTo>
                  <a:cubicBezTo>
                    <a:pt x="1440" y="906"/>
                    <a:pt x="1493" y="960"/>
                    <a:pt x="1560" y="960"/>
                  </a:cubicBezTo>
                  <a:cubicBezTo>
                    <a:pt x="1626" y="960"/>
                    <a:pt x="1680" y="906"/>
                    <a:pt x="1680" y="840"/>
                  </a:cubicBezTo>
                  <a:cubicBezTo>
                    <a:pt x="1680" y="818"/>
                    <a:pt x="1674" y="798"/>
                    <a:pt x="1663" y="780"/>
                  </a:cubicBezTo>
                  <a:cubicBezTo>
                    <a:pt x="1674" y="762"/>
                    <a:pt x="1680" y="742"/>
                    <a:pt x="1680" y="720"/>
                  </a:cubicBezTo>
                  <a:cubicBezTo>
                    <a:pt x="1680" y="698"/>
                    <a:pt x="1674" y="678"/>
                    <a:pt x="1663" y="660"/>
                  </a:cubicBezTo>
                  <a:cubicBezTo>
                    <a:pt x="1674" y="642"/>
                    <a:pt x="1680" y="622"/>
                    <a:pt x="1680" y="600"/>
                  </a:cubicBezTo>
                  <a:cubicBezTo>
                    <a:pt x="1680" y="534"/>
                    <a:pt x="1626" y="480"/>
                    <a:pt x="1560" y="480"/>
                  </a:cubicBezTo>
                  <a:moveTo>
                    <a:pt x="2520" y="0"/>
                  </a:moveTo>
                  <a:cubicBezTo>
                    <a:pt x="2453" y="0"/>
                    <a:pt x="2400" y="54"/>
                    <a:pt x="2400" y="120"/>
                  </a:cubicBezTo>
                  <a:cubicBezTo>
                    <a:pt x="2400" y="186"/>
                    <a:pt x="2453" y="240"/>
                    <a:pt x="2520" y="240"/>
                  </a:cubicBezTo>
                  <a:cubicBezTo>
                    <a:pt x="2586" y="240"/>
                    <a:pt x="2640" y="186"/>
                    <a:pt x="2640" y="120"/>
                  </a:cubicBezTo>
                  <a:cubicBezTo>
                    <a:pt x="2640" y="54"/>
                    <a:pt x="2586" y="0"/>
                    <a:pt x="2520" y="0"/>
                  </a:cubicBezTo>
                </a:path>
              </a:pathLst>
            </a:custGeom>
            <a:solidFill>
              <a:schemeClr val="accent2"/>
            </a:solidFill>
            <a:ln w="1588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2" name="Nucleus and Neutrons">
              <a:extLst>
                <a:ext uri="{FF2B5EF4-FFF2-40B4-BE49-F238E27FC236}">
                  <a16:creationId xmlns:a16="http://schemas.microsoft.com/office/drawing/2014/main" id="{9C76DF4B-2E3A-45DF-9453-EFEC03DDCA1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046538" y="3506788"/>
              <a:ext cx="2338388" cy="1066800"/>
            </a:xfrm>
            <a:custGeom>
              <a:avLst/>
              <a:gdLst>
                <a:gd name="T0" fmla="*/ 840 w 2160"/>
                <a:gd name="T1" fmla="*/ 0 h 987"/>
                <a:gd name="T2" fmla="*/ 480 w 2160"/>
                <a:gd name="T3" fmla="*/ 360 h 987"/>
                <a:gd name="T4" fmla="*/ 840 w 2160"/>
                <a:gd name="T5" fmla="*/ 720 h 987"/>
                <a:gd name="T6" fmla="*/ 1200 w 2160"/>
                <a:gd name="T7" fmla="*/ 360 h 987"/>
                <a:gd name="T8" fmla="*/ 840 w 2160"/>
                <a:gd name="T9" fmla="*/ 0 h 987"/>
                <a:gd name="T10" fmla="*/ 840 w 2160"/>
                <a:gd name="T11" fmla="*/ 480 h 987"/>
                <a:gd name="T12" fmla="*/ 720 w 2160"/>
                <a:gd name="T13" fmla="*/ 360 h 987"/>
                <a:gd name="T14" fmla="*/ 840 w 2160"/>
                <a:gd name="T15" fmla="*/ 240 h 987"/>
                <a:gd name="T16" fmla="*/ 960 w 2160"/>
                <a:gd name="T17" fmla="*/ 360 h 987"/>
                <a:gd name="T18" fmla="*/ 840 w 2160"/>
                <a:gd name="T19" fmla="*/ 480 h 987"/>
                <a:gd name="T20" fmla="*/ 240 w 2160"/>
                <a:gd name="T21" fmla="*/ 120 h 987"/>
                <a:gd name="T22" fmla="*/ 120 w 2160"/>
                <a:gd name="T23" fmla="*/ 240 h 987"/>
                <a:gd name="T24" fmla="*/ 0 w 2160"/>
                <a:gd name="T25" fmla="*/ 120 h 987"/>
                <a:gd name="T26" fmla="*/ 120 w 2160"/>
                <a:gd name="T27" fmla="*/ 0 h 987"/>
                <a:gd name="T28" fmla="*/ 240 w 2160"/>
                <a:gd name="T29" fmla="*/ 120 h 987"/>
                <a:gd name="T30" fmla="*/ 1800 w 2160"/>
                <a:gd name="T31" fmla="*/ 240 h 987"/>
                <a:gd name="T32" fmla="*/ 1680 w 2160"/>
                <a:gd name="T33" fmla="*/ 360 h 987"/>
                <a:gd name="T34" fmla="*/ 1560 w 2160"/>
                <a:gd name="T35" fmla="*/ 240 h 987"/>
                <a:gd name="T36" fmla="*/ 1440 w 2160"/>
                <a:gd name="T37" fmla="*/ 120 h 987"/>
                <a:gd name="T38" fmla="*/ 1560 w 2160"/>
                <a:gd name="T39" fmla="*/ 0 h 987"/>
                <a:gd name="T40" fmla="*/ 1680 w 2160"/>
                <a:gd name="T41" fmla="*/ 120 h 987"/>
                <a:gd name="T42" fmla="*/ 1800 w 2160"/>
                <a:gd name="T43" fmla="*/ 240 h 987"/>
                <a:gd name="T44" fmla="*/ 2040 w 2160"/>
                <a:gd name="T45" fmla="*/ 240 h 987"/>
                <a:gd name="T46" fmla="*/ 1936 w 2160"/>
                <a:gd name="T47" fmla="*/ 180 h 987"/>
                <a:gd name="T48" fmla="*/ 1920 w 2160"/>
                <a:gd name="T49" fmla="*/ 120 h 987"/>
                <a:gd name="T50" fmla="*/ 2040 w 2160"/>
                <a:gd name="T51" fmla="*/ 0 h 987"/>
                <a:gd name="T52" fmla="*/ 2160 w 2160"/>
                <a:gd name="T53" fmla="*/ 120 h 987"/>
                <a:gd name="T54" fmla="*/ 2143 w 2160"/>
                <a:gd name="T55" fmla="*/ 180 h 987"/>
                <a:gd name="T56" fmla="*/ 2040 w 2160"/>
                <a:gd name="T57" fmla="*/ 240 h 987"/>
                <a:gd name="T58" fmla="*/ 2143 w 2160"/>
                <a:gd name="T59" fmla="*/ 300 h 987"/>
                <a:gd name="T60" fmla="*/ 2160 w 2160"/>
                <a:gd name="T61" fmla="*/ 360 h 987"/>
                <a:gd name="T62" fmla="*/ 2143 w 2160"/>
                <a:gd name="T63" fmla="*/ 420 h 987"/>
                <a:gd name="T64" fmla="*/ 2040 w 2160"/>
                <a:gd name="T65" fmla="*/ 480 h 987"/>
                <a:gd name="T66" fmla="*/ 2040 w 2160"/>
                <a:gd name="T67" fmla="*/ 480 h 987"/>
                <a:gd name="T68" fmla="*/ 1936 w 2160"/>
                <a:gd name="T69" fmla="*/ 540 h 987"/>
                <a:gd name="T70" fmla="*/ 1920 w 2160"/>
                <a:gd name="T71" fmla="*/ 600 h 987"/>
                <a:gd name="T72" fmla="*/ 1920 w 2160"/>
                <a:gd name="T73" fmla="*/ 600 h 987"/>
                <a:gd name="T74" fmla="*/ 1800 w 2160"/>
                <a:gd name="T75" fmla="*/ 480 h 987"/>
                <a:gd name="T76" fmla="*/ 1920 w 2160"/>
                <a:gd name="T77" fmla="*/ 360 h 987"/>
                <a:gd name="T78" fmla="*/ 1936 w 2160"/>
                <a:gd name="T79" fmla="*/ 300 h 987"/>
                <a:gd name="T80" fmla="*/ 2040 w 2160"/>
                <a:gd name="T81" fmla="*/ 240 h 987"/>
                <a:gd name="T82" fmla="*/ 2143 w 2160"/>
                <a:gd name="T83" fmla="*/ 300 h 987"/>
                <a:gd name="T84" fmla="*/ 223 w 2160"/>
                <a:gd name="T85" fmla="*/ 540 h 987"/>
                <a:gd name="T86" fmla="*/ 240 w 2160"/>
                <a:gd name="T87" fmla="*/ 600 h 987"/>
                <a:gd name="T88" fmla="*/ 120 w 2160"/>
                <a:gd name="T89" fmla="*/ 720 h 987"/>
                <a:gd name="T90" fmla="*/ 0 w 2160"/>
                <a:gd name="T91" fmla="*/ 600 h 987"/>
                <a:gd name="T92" fmla="*/ 16 w 2160"/>
                <a:gd name="T93" fmla="*/ 540 h 987"/>
                <a:gd name="T94" fmla="*/ 120 w 2160"/>
                <a:gd name="T95" fmla="*/ 480 h 987"/>
                <a:gd name="T96" fmla="*/ 223 w 2160"/>
                <a:gd name="T97" fmla="*/ 540 h 987"/>
                <a:gd name="T98" fmla="*/ 1468 w 2160"/>
                <a:gd name="T99" fmla="*/ 867 h 987"/>
                <a:gd name="T100" fmla="*/ 1348 w 2160"/>
                <a:gd name="T101" fmla="*/ 987 h 987"/>
                <a:gd name="T102" fmla="*/ 1228 w 2160"/>
                <a:gd name="T103" fmla="*/ 867 h 987"/>
                <a:gd name="T104" fmla="*/ 1348 w 2160"/>
                <a:gd name="T105" fmla="*/ 747 h 987"/>
                <a:gd name="T106" fmla="*/ 1468 w 2160"/>
                <a:gd name="T107" fmla="*/ 867 h 9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2160" h="987">
                  <a:moveTo>
                    <a:pt x="840" y="0"/>
                  </a:moveTo>
                  <a:cubicBezTo>
                    <a:pt x="641" y="0"/>
                    <a:pt x="480" y="161"/>
                    <a:pt x="480" y="360"/>
                  </a:cubicBezTo>
                  <a:cubicBezTo>
                    <a:pt x="480" y="559"/>
                    <a:pt x="641" y="720"/>
                    <a:pt x="840" y="720"/>
                  </a:cubicBezTo>
                  <a:cubicBezTo>
                    <a:pt x="1038" y="720"/>
                    <a:pt x="1200" y="559"/>
                    <a:pt x="1200" y="360"/>
                  </a:cubicBezTo>
                  <a:cubicBezTo>
                    <a:pt x="1200" y="161"/>
                    <a:pt x="1038" y="0"/>
                    <a:pt x="840" y="0"/>
                  </a:cubicBezTo>
                  <a:moveTo>
                    <a:pt x="840" y="480"/>
                  </a:moveTo>
                  <a:cubicBezTo>
                    <a:pt x="773" y="480"/>
                    <a:pt x="720" y="426"/>
                    <a:pt x="720" y="360"/>
                  </a:cubicBezTo>
                  <a:cubicBezTo>
                    <a:pt x="720" y="294"/>
                    <a:pt x="773" y="240"/>
                    <a:pt x="840" y="240"/>
                  </a:cubicBezTo>
                  <a:cubicBezTo>
                    <a:pt x="906" y="240"/>
                    <a:pt x="960" y="294"/>
                    <a:pt x="960" y="360"/>
                  </a:cubicBezTo>
                  <a:cubicBezTo>
                    <a:pt x="960" y="426"/>
                    <a:pt x="906" y="480"/>
                    <a:pt x="840" y="480"/>
                  </a:cubicBezTo>
                  <a:moveTo>
                    <a:pt x="240" y="120"/>
                  </a:moveTo>
                  <a:cubicBezTo>
                    <a:pt x="240" y="186"/>
                    <a:pt x="186" y="240"/>
                    <a:pt x="120" y="240"/>
                  </a:cubicBezTo>
                  <a:cubicBezTo>
                    <a:pt x="53" y="240"/>
                    <a:pt x="0" y="186"/>
                    <a:pt x="0" y="120"/>
                  </a:cubicBezTo>
                  <a:cubicBezTo>
                    <a:pt x="0" y="54"/>
                    <a:pt x="53" y="0"/>
                    <a:pt x="120" y="0"/>
                  </a:cubicBezTo>
                  <a:cubicBezTo>
                    <a:pt x="186" y="0"/>
                    <a:pt x="240" y="54"/>
                    <a:pt x="240" y="120"/>
                  </a:cubicBezTo>
                  <a:moveTo>
                    <a:pt x="1800" y="240"/>
                  </a:moveTo>
                  <a:cubicBezTo>
                    <a:pt x="1733" y="240"/>
                    <a:pt x="1680" y="294"/>
                    <a:pt x="1680" y="360"/>
                  </a:cubicBezTo>
                  <a:cubicBezTo>
                    <a:pt x="1680" y="294"/>
                    <a:pt x="1626" y="240"/>
                    <a:pt x="1560" y="240"/>
                  </a:cubicBezTo>
                  <a:cubicBezTo>
                    <a:pt x="1493" y="240"/>
                    <a:pt x="1440" y="186"/>
                    <a:pt x="1440" y="120"/>
                  </a:cubicBezTo>
                  <a:cubicBezTo>
                    <a:pt x="1440" y="54"/>
                    <a:pt x="1493" y="0"/>
                    <a:pt x="1560" y="0"/>
                  </a:cubicBezTo>
                  <a:cubicBezTo>
                    <a:pt x="1626" y="0"/>
                    <a:pt x="1680" y="54"/>
                    <a:pt x="1680" y="120"/>
                  </a:cubicBezTo>
                  <a:cubicBezTo>
                    <a:pt x="1746" y="120"/>
                    <a:pt x="1800" y="174"/>
                    <a:pt x="1800" y="240"/>
                  </a:cubicBezTo>
                  <a:close/>
                  <a:moveTo>
                    <a:pt x="2040" y="240"/>
                  </a:moveTo>
                  <a:cubicBezTo>
                    <a:pt x="1995" y="240"/>
                    <a:pt x="1957" y="216"/>
                    <a:pt x="1936" y="180"/>
                  </a:cubicBezTo>
                  <a:cubicBezTo>
                    <a:pt x="1926" y="162"/>
                    <a:pt x="1920" y="142"/>
                    <a:pt x="1920" y="120"/>
                  </a:cubicBezTo>
                  <a:cubicBezTo>
                    <a:pt x="1920" y="54"/>
                    <a:pt x="1973" y="0"/>
                    <a:pt x="2040" y="0"/>
                  </a:cubicBezTo>
                  <a:cubicBezTo>
                    <a:pt x="2106" y="0"/>
                    <a:pt x="2160" y="54"/>
                    <a:pt x="2160" y="120"/>
                  </a:cubicBezTo>
                  <a:cubicBezTo>
                    <a:pt x="2160" y="142"/>
                    <a:pt x="2154" y="162"/>
                    <a:pt x="2143" y="180"/>
                  </a:cubicBezTo>
                  <a:cubicBezTo>
                    <a:pt x="2123" y="216"/>
                    <a:pt x="2084" y="240"/>
                    <a:pt x="2040" y="240"/>
                  </a:cubicBezTo>
                  <a:moveTo>
                    <a:pt x="2143" y="300"/>
                  </a:moveTo>
                  <a:cubicBezTo>
                    <a:pt x="2154" y="318"/>
                    <a:pt x="2160" y="338"/>
                    <a:pt x="2160" y="360"/>
                  </a:cubicBezTo>
                  <a:cubicBezTo>
                    <a:pt x="2160" y="382"/>
                    <a:pt x="2154" y="402"/>
                    <a:pt x="2143" y="420"/>
                  </a:cubicBezTo>
                  <a:cubicBezTo>
                    <a:pt x="2123" y="456"/>
                    <a:pt x="2084" y="480"/>
                    <a:pt x="2040" y="480"/>
                  </a:cubicBezTo>
                  <a:cubicBezTo>
                    <a:pt x="2040" y="480"/>
                    <a:pt x="2040" y="480"/>
                    <a:pt x="2040" y="480"/>
                  </a:cubicBezTo>
                  <a:cubicBezTo>
                    <a:pt x="1995" y="480"/>
                    <a:pt x="1957" y="504"/>
                    <a:pt x="1936" y="540"/>
                  </a:cubicBezTo>
                  <a:cubicBezTo>
                    <a:pt x="1926" y="558"/>
                    <a:pt x="1920" y="578"/>
                    <a:pt x="1920" y="600"/>
                  </a:cubicBezTo>
                  <a:cubicBezTo>
                    <a:pt x="1920" y="600"/>
                    <a:pt x="1920" y="600"/>
                    <a:pt x="1920" y="600"/>
                  </a:cubicBezTo>
                  <a:cubicBezTo>
                    <a:pt x="1853" y="600"/>
                    <a:pt x="1800" y="546"/>
                    <a:pt x="1800" y="480"/>
                  </a:cubicBezTo>
                  <a:cubicBezTo>
                    <a:pt x="1866" y="480"/>
                    <a:pt x="1920" y="426"/>
                    <a:pt x="1920" y="360"/>
                  </a:cubicBezTo>
                  <a:cubicBezTo>
                    <a:pt x="1920" y="338"/>
                    <a:pt x="1926" y="318"/>
                    <a:pt x="1936" y="300"/>
                  </a:cubicBezTo>
                  <a:cubicBezTo>
                    <a:pt x="1957" y="264"/>
                    <a:pt x="1995" y="240"/>
                    <a:pt x="2040" y="240"/>
                  </a:cubicBezTo>
                  <a:cubicBezTo>
                    <a:pt x="2084" y="240"/>
                    <a:pt x="2123" y="264"/>
                    <a:pt x="2143" y="300"/>
                  </a:cubicBezTo>
                  <a:moveTo>
                    <a:pt x="223" y="540"/>
                  </a:moveTo>
                  <a:cubicBezTo>
                    <a:pt x="234" y="558"/>
                    <a:pt x="240" y="578"/>
                    <a:pt x="240" y="600"/>
                  </a:cubicBezTo>
                  <a:cubicBezTo>
                    <a:pt x="240" y="666"/>
                    <a:pt x="186" y="720"/>
                    <a:pt x="120" y="720"/>
                  </a:cubicBezTo>
                  <a:cubicBezTo>
                    <a:pt x="53" y="720"/>
                    <a:pt x="0" y="666"/>
                    <a:pt x="0" y="600"/>
                  </a:cubicBezTo>
                  <a:cubicBezTo>
                    <a:pt x="0" y="578"/>
                    <a:pt x="6" y="558"/>
                    <a:pt x="16" y="540"/>
                  </a:cubicBezTo>
                  <a:cubicBezTo>
                    <a:pt x="37" y="504"/>
                    <a:pt x="75" y="480"/>
                    <a:pt x="120" y="480"/>
                  </a:cubicBezTo>
                  <a:cubicBezTo>
                    <a:pt x="164" y="480"/>
                    <a:pt x="203" y="504"/>
                    <a:pt x="223" y="540"/>
                  </a:cubicBezTo>
                  <a:moveTo>
                    <a:pt x="1468" y="867"/>
                  </a:moveTo>
                  <a:cubicBezTo>
                    <a:pt x="1468" y="934"/>
                    <a:pt x="1414" y="987"/>
                    <a:pt x="1348" y="987"/>
                  </a:cubicBezTo>
                  <a:cubicBezTo>
                    <a:pt x="1282" y="987"/>
                    <a:pt x="1228" y="934"/>
                    <a:pt x="1228" y="867"/>
                  </a:cubicBezTo>
                  <a:cubicBezTo>
                    <a:pt x="1228" y="801"/>
                    <a:pt x="1282" y="747"/>
                    <a:pt x="1348" y="747"/>
                  </a:cubicBezTo>
                  <a:cubicBezTo>
                    <a:pt x="1414" y="747"/>
                    <a:pt x="1468" y="801"/>
                    <a:pt x="1468" y="867"/>
                  </a:cubicBezTo>
                </a:path>
              </a:pathLst>
            </a:custGeom>
            <a:solidFill>
              <a:schemeClr val="tx1"/>
            </a:solidFill>
            <a:ln w="1588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37" name="Spacers"/>
          <p:cNvGrpSpPr/>
          <p:nvPr userDrawn="1"/>
        </p:nvGrpSpPr>
        <p:grpSpPr>
          <a:xfrm>
            <a:off x="-2393300" y="0"/>
            <a:ext cx="15480256" cy="0"/>
            <a:chOff x="-2393300" y="108223"/>
            <a:chExt cx="15480256" cy="0"/>
          </a:xfrm>
        </p:grpSpPr>
        <p:cxnSp>
          <p:nvCxnSpPr>
            <p:cNvPr id="38" name="Left"/>
            <p:cNvCxnSpPr/>
            <p:nvPr userDrawn="1"/>
          </p:nvCxnSpPr>
          <p:spPr>
            <a:xfrm>
              <a:off x="-23933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Right"/>
            <p:cNvCxnSpPr/>
            <p:nvPr userDrawn="1"/>
          </p:nvCxnSpPr>
          <p:spPr>
            <a:xfrm>
              <a:off x="107827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7" name="Date"/>
          <p:cNvSpPr>
            <a:spLocks noGrp="1"/>
          </p:cNvSpPr>
          <p:nvPr>
            <p:ph type="body" sz="quarter" idx="13" hasCustomPrompt="1"/>
          </p:nvPr>
        </p:nvSpPr>
        <p:spPr>
          <a:xfrm>
            <a:off x="1812497" y="7213620"/>
            <a:ext cx="8159799" cy="216346"/>
          </a:xfrm>
          <a:prstGeom prst="rect">
            <a:avLst/>
          </a:prstGeom>
        </p:spPr>
        <p:txBody>
          <a:bodyPr anchor="ctr"/>
          <a:lstStyle>
            <a:lvl1pPr algn="r">
              <a:defRPr sz="10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t>13 October 2017</a:t>
            </a:r>
          </a:p>
        </p:txBody>
      </p:sp>
      <p:sp>
        <p:nvSpPr>
          <p:cNvPr id="41" name="Watermark">
            <a:extLst>
              <a:ext uri="{FF2B5EF4-FFF2-40B4-BE49-F238E27FC236}">
                <a16:creationId xmlns:a16="http://schemas.microsoft.com/office/drawing/2014/main" id="{F8E9B888-CB64-4292-BFE2-1134379589C2}"/>
              </a:ext>
            </a:extLst>
          </p:cNvPr>
          <p:cNvSpPr txBox="1"/>
          <p:nvPr userDrawn="1"/>
        </p:nvSpPr>
        <p:spPr>
          <a:xfrm>
            <a:off x="432000" y="7200000"/>
            <a:ext cx="2520000" cy="3240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2000" noProof="0">
                <a:solidFill>
                  <a:schemeClr val="accent4"/>
                </a:solidFill>
                <a:latin typeface="Source Sans Pro Semibold" panose="020B0603030403020204" pitchFamily="34" charset="0"/>
                <a:ea typeface="Source Sans Pro Light" panose="020B0906030804020204" pitchFamily="34" charset="0"/>
                <a:cs typeface="Source Sans Pro Light" panose="020B0604020202020204" pitchFamily="34" charset="0"/>
              </a:rPr>
              <a:t>DRAFT</a:t>
            </a:r>
          </a:p>
        </p:txBody>
      </p:sp>
      <p:sp>
        <p:nvSpPr>
          <p:cNvPr id="137" name="Client"/>
          <p:cNvSpPr>
            <a:spLocks noGrp="1"/>
          </p:cNvSpPr>
          <p:nvPr>
            <p:ph type="body" sz="quarter" idx="12" hasCustomPrompt="1"/>
          </p:nvPr>
        </p:nvSpPr>
        <p:spPr>
          <a:xfrm>
            <a:off x="1812497" y="6712794"/>
            <a:ext cx="8159799" cy="367750"/>
          </a:xfrm>
          <a:prstGeom prst="rect">
            <a:avLst/>
          </a:prstGeom>
        </p:spPr>
        <p:txBody>
          <a:bodyPr anchor="ctr"/>
          <a:lstStyle>
            <a:lvl1pPr algn="r">
              <a:defRPr sz="2000" i="1" baseline="0">
                <a:solidFill>
                  <a:schemeClr val="accent3"/>
                </a:solidFill>
                <a:latin typeface="Georgia" panose="02040502050405020303" pitchFamily="18" charset="0"/>
              </a:defRPr>
            </a:lvl1pPr>
          </a:lstStyle>
          <a:p>
            <a:pPr lvl="0"/>
            <a:endParaRPr/>
          </a:p>
        </p:txBody>
      </p:sp>
      <p:sp>
        <p:nvSpPr>
          <p:cNvPr id="136" name="Subtitle"/>
          <p:cNvSpPr>
            <a:spLocks noGrp="1"/>
          </p:cNvSpPr>
          <p:nvPr>
            <p:ph type="body" sz="quarter" idx="11" hasCustomPrompt="1"/>
          </p:nvPr>
        </p:nvSpPr>
        <p:spPr>
          <a:xfrm>
            <a:off x="1812497" y="6331233"/>
            <a:ext cx="8159799" cy="350146"/>
          </a:xfrm>
          <a:prstGeom prst="rect">
            <a:avLst/>
          </a:prstGeom>
        </p:spPr>
        <p:txBody>
          <a:bodyPr anchor="t"/>
          <a:lstStyle>
            <a:lvl1pPr algn="r">
              <a:defRPr sz="2000">
                <a:solidFill>
                  <a:schemeClr val="accent2"/>
                </a:solidFill>
                <a:latin typeface="Source Sans Pro" panose="020B0503030403020204" pitchFamily="34" charset="0"/>
              </a:defRPr>
            </a:lvl1pPr>
          </a:lstStyle>
          <a:p>
            <a:pPr lvl="0"/>
            <a:r>
              <a:t>Robotframework, ITAS and FX BKL</a:t>
            </a:r>
          </a:p>
        </p:txBody>
      </p:sp>
      <p:sp>
        <p:nvSpPr>
          <p:cNvPr id="135" name="Title"/>
          <p:cNvSpPr>
            <a:spLocks noGrp="1"/>
          </p:cNvSpPr>
          <p:nvPr>
            <p:ph type="body" sz="quarter" idx="10" hasCustomPrompt="1"/>
          </p:nvPr>
        </p:nvSpPr>
        <p:spPr>
          <a:xfrm>
            <a:off x="1812497" y="5868863"/>
            <a:ext cx="8159799" cy="444603"/>
          </a:xfrm>
          <a:prstGeom prst="rect">
            <a:avLst/>
          </a:prstGeom>
        </p:spPr>
        <p:txBody>
          <a:bodyPr anchor="b"/>
          <a:lstStyle>
            <a:lvl1pPr algn="r">
              <a:defRPr sz="2400">
                <a:solidFill>
                  <a:schemeClr val="tx1"/>
                </a:solidFill>
                <a:latin typeface="Source Sans Pro Semibold" panose="020B0603030403020204"/>
              </a:defRPr>
            </a:lvl1pPr>
          </a:lstStyle>
          <a:p>
            <a:pPr lvl="0"/>
            <a:r>
              <a:t>FX AT development</a:t>
            </a:r>
          </a:p>
        </p:txBody>
      </p:sp>
    </p:spTree>
    <p:extLst>
      <p:ext uri="{BB962C8B-B14F-4D97-AF65-F5344CB8AC3E}">
        <p14:creationId xmlns:p14="http://schemas.microsoft.com/office/powerpoint/2010/main" val="2516368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Object Left. Two Objects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5418000" y="4320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5418000" y="1368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4842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414000"/>
            <a:ext cx="8100000" cy="1908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2000" y="622800"/>
            <a:ext cx="8100000" cy="313555"/>
          </a:xfrm>
        </p:spPr>
        <p:txBody>
          <a:bodyPr/>
          <a:lstStyle/>
          <a:p>
            <a:r>
              <a:rPr lang="en-US"/>
              <a:t>Click to add page title</a:t>
            </a:r>
          </a:p>
        </p:txBody>
      </p:sp>
      <p:grpSp>
        <p:nvGrpSpPr>
          <p:cNvPr id="12" name="Guidance">
            <a:extLst>
              <a:ext uri="{FF2B5EF4-FFF2-40B4-BE49-F238E27FC236}">
                <a16:creationId xmlns:a16="http://schemas.microsoft.com/office/drawing/2014/main" id="{58D24B94-4953-46DB-9CE1-6EE3131DFA1B}"/>
              </a:ext>
            </a:extLst>
          </p:cNvPr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3" name="Guidance Arrow 1">
              <a:extLst>
                <a:ext uri="{FF2B5EF4-FFF2-40B4-BE49-F238E27FC236}">
                  <a16:creationId xmlns:a16="http://schemas.microsoft.com/office/drawing/2014/main" id="{640C023E-3C52-4984-B62C-92B36BE6F9DB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Guidance Text 1">
              <a:extLst>
                <a:ext uri="{FF2B5EF4-FFF2-40B4-BE49-F238E27FC236}">
                  <a16:creationId xmlns:a16="http://schemas.microsoft.com/office/drawing/2014/main" id="{1FF4996C-272C-461B-8B3C-E5A6104E8C97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7658724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Object Top, One Object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2000" y="4320000"/>
            <a:ext cx="9828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9828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414000"/>
            <a:ext cx="8100000" cy="1908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622800"/>
            <a:ext cx="8100000" cy="313555"/>
          </a:xfrm>
        </p:spPr>
        <p:txBody>
          <a:bodyPr/>
          <a:lstStyle/>
          <a:p>
            <a:r>
              <a:rPr lang="en-US"/>
              <a:t>Click to add page title</a:t>
            </a:r>
          </a:p>
        </p:txBody>
      </p:sp>
      <p:grpSp>
        <p:nvGrpSpPr>
          <p:cNvPr id="12" name="Guidance">
            <a:extLst>
              <a:ext uri="{FF2B5EF4-FFF2-40B4-BE49-F238E27FC236}">
                <a16:creationId xmlns:a16="http://schemas.microsoft.com/office/drawing/2014/main" id="{BB35586C-6DED-4635-9439-83C755A2E46A}"/>
              </a:ext>
            </a:extLst>
          </p:cNvPr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3" name="Guidance Arrow 1">
              <a:extLst>
                <a:ext uri="{FF2B5EF4-FFF2-40B4-BE49-F238E27FC236}">
                  <a16:creationId xmlns:a16="http://schemas.microsoft.com/office/drawing/2014/main" id="{44DE4C5D-258C-4A98-8D8A-918389EAC452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Guidance Text 1">
              <a:extLst>
                <a:ext uri="{FF2B5EF4-FFF2-40B4-BE49-F238E27FC236}">
                  <a16:creationId xmlns:a16="http://schemas.microsoft.com/office/drawing/2014/main" id="{2ECDDB46-6475-429D-9875-9CE839B4631A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96317715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Objects Top, One Object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quarter" idx="10" hasCustomPrompt="1"/>
          </p:nvPr>
        </p:nvSpPr>
        <p:spPr>
          <a:xfrm>
            <a:off x="432000" y="4320000"/>
            <a:ext cx="9828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418000" y="1368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Content Placeholder 1"/>
          <p:cNvSpPr>
            <a:spLocks noGrp="1"/>
          </p:cNvSpPr>
          <p:nvPr>
            <p:ph sz="quarter" idx="12" hasCustomPrompt="1"/>
          </p:nvPr>
        </p:nvSpPr>
        <p:spPr>
          <a:xfrm>
            <a:off x="432000" y="1368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414000"/>
            <a:ext cx="8100000" cy="1908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622800"/>
            <a:ext cx="8100000" cy="313555"/>
          </a:xfrm>
        </p:spPr>
        <p:txBody>
          <a:bodyPr/>
          <a:lstStyle/>
          <a:p>
            <a:r>
              <a:rPr lang="en-US"/>
              <a:t>Click to add page title</a:t>
            </a:r>
          </a:p>
        </p:txBody>
      </p:sp>
      <p:grpSp>
        <p:nvGrpSpPr>
          <p:cNvPr id="13" name="Guidance">
            <a:extLst>
              <a:ext uri="{FF2B5EF4-FFF2-40B4-BE49-F238E27FC236}">
                <a16:creationId xmlns:a16="http://schemas.microsoft.com/office/drawing/2014/main" id="{1026DFE7-235F-41E0-933B-772DAC691564}"/>
              </a:ext>
            </a:extLst>
          </p:cNvPr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4" name="Guidance Arrow 1">
              <a:extLst>
                <a:ext uri="{FF2B5EF4-FFF2-40B4-BE49-F238E27FC236}">
                  <a16:creationId xmlns:a16="http://schemas.microsoft.com/office/drawing/2014/main" id="{273D1F0B-A960-4634-8CC7-4AE7077D1F3F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Guidance Text 1">
              <a:extLst>
                <a:ext uri="{FF2B5EF4-FFF2-40B4-BE49-F238E27FC236}">
                  <a16:creationId xmlns:a16="http://schemas.microsoft.com/office/drawing/2014/main" id="{B8F18446-303F-4A12-87CA-ED699CDB936B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99520457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Object Top, Two Objects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5418000" y="4320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 smtClean="0"/>
            </a:lvl1pPr>
            <a:lvl2pPr>
              <a:defRPr lang="en-US" dirty="0" smtClean="0"/>
            </a:lvl2pPr>
            <a:lvl3pPr>
              <a:defRPr lang="en-US" dirty="0" smtClean="0"/>
            </a:lvl3pPr>
            <a:lvl4pPr>
              <a:defRPr lang="en-US" dirty="0" smtClean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2000" y="4320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 smtClean="0"/>
            </a:lvl1pPr>
            <a:lvl2pPr>
              <a:defRPr lang="en-US" dirty="0" smtClean="0"/>
            </a:lvl2pPr>
            <a:lvl3pPr>
              <a:defRPr lang="en-US" dirty="0" smtClean="0"/>
            </a:lvl3pPr>
            <a:lvl4pPr>
              <a:defRPr lang="en-US" dirty="0" smtClean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9828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 smtClean="0"/>
            </a:lvl1pPr>
            <a:lvl2pPr>
              <a:defRPr lang="en-US" dirty="0" smtClean="0"/>
            </a:lvl2pPr>
            <a:lvl3pPr>
              <a:defRPr lang="en-US" dirty="0" smtClean="0"/>
            </a:lvl3pPr>
            <a:lvl4pPr>
              <a:defRPr lang="en-US" dirty="0" smtClean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414000"/>
            <a:ext cx="8100000" cy="1908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622800"/>
            <a:ext cx="8100000" cy="313555"/>
          </a:xfrm>
        </p:spPr>
        <p:txBody>
          <a:bodyPr/>
          <a:lstStyle/>
          <a:p>
            <a:r>
              <a:rPr lang="en-US"/>
              <a:t>Click to add page title</a:t>
            </a:r>
          </a:p>
        </p:txBody>
      </p:sp>
      <p:grpSp>
        <p:nvGrpSpPr>
          <p:cNvPr id="13" name="Guidance">
            <a:extLst>
              <a:ext uri="{FF2B5EF4-FFF2-40B4-BE49-F238E27FC236}">
                <a16:creationId xmlns:a16="http://schemas.microsoft.com/office/drawing/2014/main" id="{13352016-D5D3-4EB7-99FE-C04628203CD5}"/>
              </a:ext>
            </a:extLst>
          </p:cNvPr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4" name="Guidance Arrow 1">
              <a:extLst>
                <a:ext uri="{FF2B5EF4-FFF2-40B4-BE49-F238E27FC236}">
                  <a16:creationId xmlns:a16="http://schemas.microsoft.com/office/drawing/2014/main" id="{4C041B39-B30F-4448-A84E-B601FAE189EA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Guidance Text 1">
              <a:extLst>
                <a:ext uri="{FF2B5EF4-FFF2-40B4-BE49-F238E27FC236}">
                  <a16:creationId xmlns:a16="http://schemas.microsoft.com/office/drawing/2014/main" id="{C8DF649D-CE73-4127-B56F-012A9AED3E55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74999846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 and Subheading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414000"/>
            <a:ext cx="8100000" cy="1908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10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622800"/>
            <a:ext cx="8100000" cy="313555"/>
          </a:xfrm>
        </p:spPr>
        <p:txBody>
          <a:bodyPr/>
          <a:lstStyle/>
          <a:p>
            <a:r>
              <a:rPr lang="en-US"/>
              <a:t>Click to add page title</a:t>
            </a:r>
          </a:p>
        </p:txBody>
      </p:sp>
      <p:grpSp>
        <p:nvGrpSpPr>
          <p:cNvPr id="9" name="Guidance">
            <a:extLst>
              <a:ext uri="{FF2B5EF4-FFF2-40B4-BE49-F238E27FC236}">
                <a16:creationId xmlns:a16="http://schemas.microsoft.com/office/drawing/2014/main" id="{F7FB4400-1B71-4547-8117-1644DC57F1E8}"/>
              </a:ext>
            </a:extLst>
          </p:cNvPr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1" name="Guidance Arrow 1">
              <a:extLst>
                <a:ext uri="{FF2B5EF4-FFF2-40B4-BE49-F238E27FC236}">
                  <a16:creationId xmlns:a16="http://schemas.microsoft.com/office/drawing/2014/main" id="{32ECD52E-71FA-4C45-8B15-5FEAAE28825F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Guidance Text 1">
              <a:extLst>
                <a:ext uri="{FF2B5EF4-FFF2-40B4-BE49-F238E27FC236}">
                  <a16:creationId xmlns:a16="http://schemas.microsoft.com/office/drawing/2014/main" id="{E188CB6E-2880-45C2-93C2-60192506C67F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53330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go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63938659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" name="Spacers"/>
          <p:cNvGrpSpPr/>
          <p:nvPr userDrawn="1"/>
        </p:nvGrpSpPr>
        <p:grpSpPr>
          <a:xfrm>
            <a:off x="-2393300" y="0"/>
            <a:ext cx="15480256" cy="0"/>
            <a:chOff x="-2393300" y="108223"/>
            <a:chExt cx="15480256" cy="0"/>
          </a:xfrm>
        </p:grpSpPr>
        <p:cxnSp>
          <p:nvCxnSpPr>
            <p:cNvPr id="20" name="Left"/>
            <p:cNvCxnSpPr/>
            <p:nvPr userDrawn="1"/>
          </p:nvCxnSpPr>
          <p:spPr>
            <a:xfrm>
              <a:off x="-23933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Right"/>
            <p:cNvCxnSpPr/>
            <p:nvPr userDrawn="1"/>
          </p:nvCxnSpPr>
          <p:spPr>
            <a:xfrm>
              <a:off x="107827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75982928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 page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Guidance"/>
          <p:cNvSpPr txBox="1"/>
          <p:nvPr userDrawn="1"/>
        </p:nvSpPr>
        <p:spPr>
          <a:xfrm>
            <a:off x="-1349528" y="261094"/>
            <a:ext cx="942964" cy="507831"/>
          </a:xfrm>
          <a:prstGeom prst="rect">
            <a:avLst/>
          </a:prstGeom>
          <a:noFill/>
          <a:ln>
            <a:noFill/>
          </a:ln>
        </p:spPr>
        <p:txBody>
          <a:bodyPr wrap="square" lIns="36000" tIns="0" rIns="36000" bIns="0" rtlCol="0" anchor="ctr">
            <a:spAutoFit/>
          </a:bodyPr>
          <a:lstStyle/>
          <a:p>
            <a:pPr algn="r">
              <a:spcBef>
                <a:spcPts val="600"/>
              </a:spcBef>
            </a:pPr>
            <a:r>
              <a:rPr lang="en-US" sz="1100" b="0" i="1">
                <a:solidFill>
                  <a:schemeClr val="tx2"/>
                </a:solidFill>
                <a:latin typeface="Source Sans Pro Light" panose="020B0403030403020204" pitchFamily="34" charset="0"/>
              </a:rPr>
              <a:t>This is the</a:t>
            </a:r>
            <a:r>
              <a:rPr lang="en-US" sz="1100" b="0" i="1" baseline="0">
                <a:solidFill>
                  <a:schemeClr val="tx2"/>
                </a:solidFill>
                <a:latin typeface="Source Sans Pro Light" panose="020B0403030403020204" pitchFamily="34" charset="0"/>
              </a:rPr>
              <a:t> final</a:t>
            </a:r>
            <a:br>
              <a:rPr lang="en-US" sz="1100" b="0" i="1" baseline="0">
                <a:solidFill>
                  <a:schemeClr val="tx2"/>
                </a:solidFill>
                <a:latin typeface="Source Sans Pro Light" panose="020B0403030403020204" pitchFamily="34" charset="0"/>
              </a:rPr>
            </a:br>
            <a:r>
              <a:rPr lang="en-US" sz="1100" b="0" i="1" baseline="0">
                <a:solidFill>
                  <a:schemeClr val="tx2"/>
                </a:solidFill>
                <a:latin typeface="Source Sans Pro Light" panose="020B0403030403020204" pitchFamily="34" charset="0"/>
              </a:rPr>
              <a:t>page of all</a:t>
            </a:r>
            <a:br>
              <a:rPr lang="en-US" sz="1100" b="0" i="1" baseline="0">
                <a:solidFill>
                  <a:schemeClr val="tx2"/>
                </a:solidFill>
                <a:latin typeface="Source Sans Pro Light" panose="020B0403030403020204" pitchFamily="34" charset="0"/>
              </a:rPr>
            </a:br>
            <a:r>
              <a:rPr lang="en-US" sz="1100" b="0" i="1" baseline="0">
                <a:solidFill>
                  <a:schemeClr val="tx2"/>
                </a:solidFill>
                <a:latin typeface="Source Sans Pro Light" panose="020B0403030403020204" pitchFamily="34" charset="0"/>
              </a:rPr>
              <a:t>presentations</a:t>
            </a:r>
            <a:endParaRPr lang="en-US" sz="1100" b="0" i="1">
              <a:solidFill>
                <a:schemeClr val="tx2"/>
              </a:solidFill>
              <a:latin typeface="Source Sans Pro Light" panose="020B0403030403020204" pitchFamily="34" charset="0"/>
            </a:endParaRPr>
          </a:p>
        </p:txBody>
      </p:sp>
      <p:sp>
        <p:nvSpPr>
          <p:cNvPr id="2" name="ion"/>
          <p:cNvSpPr>
            <a:spLocks noChangeAspect="1"/>
          </p:cNvSpPr>
          <p:nvPr userDrawn="1"/>
        </p:nvSpPr>
        <p:spPr>
          <a:xfrm>
            <a:off x="5256700" y="3690631"/>
            <a:ext cx="180000" cy="180000"/>
          </a:xfrm>
          <a:prstGeom prst="ellipse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4" name="Spacers">
            <a:extLst>
              <a:ext uri="{FF2B5EF4-FFF2-40B4-BE49-F238E27FC236}">
                <a16:creationId xmlns:a16="http://schemas.microsoft.com/office/drawing/2014/main" id="{96BFEDA8-C529-4DC6-8C5D-C1D32F8D7174}"/>
              </a:ext>
            </a:extLst>
          </p:cNvPr>
          <p:cNvGrpSpPr/>
          <p:nvPr userDrawn="1"/>
        </p:nvGrpSpPr>
        <p:grpSpPr>
          <a:xfrm>
            <a:off x="-2393300" y="0"/>
            <a:ext cx="15480256" cy="0"/>
            <a:chOff x="-2393300" y="108223"/>
            <a:chExt cx="15480256" cy="0"/>
          </a:xfrm>
        </p:grpSpPr>
        <p:cxnSp>
          <p:nvCxnSpPr>
            <p:cNvPr id="5" name="Left">
              <a:extLst>
                <a:ext uri="{FF2B5EF4-FFF2-40B4-BE49-F238E27FC236}">
                  <a16:creationId xmlns:a16="http://schemas.microsoft.com/office/drawing/2014/main" id="{6473849B-1E97-46D4-8668-7175F2FE5CF0}"/>
                </a:ext>
              </a:extLst>
            </p:cNvPr>
            <p:cNvCxnSpPr/>
            <p:nvPr userDrawn="1"/>
          </p:nvCxnSpPr>
          <p:spPr>
            <a:xfrm>
              <a:off x="-23933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" name="Right">
              <a:extLst>
                <a:ext uri="{FF2B5EF4-FFF2-40B4-BE49-F238E27FC236}">
                  <a16:creationId xmlns:a16="http://schemas.microsoft.com/office/drawing/2014/main" id="{3BCB408C-D5DE-4646-88FF-F74183F140F3}"/>
                </a:ext>
              </a:extLst>
            </p:cNvPr>
            <p:cNvCxnSpPr/>
            <p:nvPr userDrawn="1"/>
          </p:nvCxnSpPr>
          <p:spPr>
            <a:xfrm>
              <a:off x="107827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89124540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53"/>
          <p:cNvSpPr>
            <a:spLocks noGrp="1" noChangeArrowheads="1"/>
          </p:cNvSpPr>
          <p:nvPr>
            <p:ph type="ftr" sz="quarter" idx="10"/>
          </p:nvPr>
        </p:nvSpPr>
        <p:spPr>
          <a:xfrm>
            <a:off x="2316904" y="7114939"/>
            <a:ext cx="6026176" cy="295799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CONFIDENTIAL</a:t>
            </a:r>
          </a:p>
        </p:txBody>
      </p:sp>
    </p:spTree>
    <p:extLst>
      <p:ext uri="{BB962C8B-B14F-4D97-AF65-F5344CB8AC3E}">
        <p14:creationId xmlns:p14="http://schemas.microsoft.com/office/powerpoint/2010/main" val="14471874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uidance"/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2" name="Guidance Arrow 1"/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Guidance Text 1"/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9828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414000"/>
            <a:ext cx="8100000" cy="1908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621803"/>
            <a:ext cx="8100000" cy="31355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add page title</a:t>
            </a:r>
          </a:p>
        </p:txBody>
      </p:sp>
    </p:spTree>
    <p:extLst>
      <p:ext uri="{BB962C8B-B14F-4D97-AF65-F5344CB8AC3E}">
        <p14:creationId xmlns:p14="http://schemas.microsoft.com/office/powerpoint/2010/main" val="113291731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uidance"/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2" name="Guidance Arrow 1"/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Guidance Text 1"/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  <p:sp>
        <p:nvSpPr>
          <p:cNvPr id="4" name="Content Placeholder 1" descr="AGENDABOX"/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9828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buFontTx/>
              <a:buNone/>
              <a:defRPr lang="en-US" dirty="0"/>
            </a:lvl1pPr>
            <a:lvl2pPr>
              <a:buFontTx/>
              <a:buNone/>
              <a:defRPr lang="en-US" dirty="0"/>
            </a:lvl2pPr>
            <a:lvl3pPr marL="0" indent="0">
              <a:buFontTx/>
              <a:buNone/>
              <a:defRPr lang="en-US" dirty="0"/>
            </a:lvl3pPr>
            <a:lvl4pPr marL="180399" indent="0">
              <a:buFontTx/>
              <a:buNone/>
              <a:defRPr lang="en-US" dirty="0"/>
            </a:lvl4pPr>
            <a:lvl5pPr marL="360000" indent="0">
              <a:buFontTx/>
              <a:buNone/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7BD52778-050A-4CB5-BF4B-03BEF0A67056}"/>
              </a:ext>
            </a:extLst>
          </p:cNvPr>
          <p:cNvSpPr txBox="1"/>
          <p:nvPr userDrawn="1"/>
        </p:nvSpPr>
        <p:spPr>
          <a:xfrm>
            <a:off x="432000" y="621803"/>
            <a:ext cx="1013419" cy="313200"/>
          </a:xfrm>
          <a:prstGeom prst="rect">
            <a:avLst/>
          </a:prstGeom>
        </p:spPr>
        <p:txBody>
          <a:bodyPr vert="horz" wrap="none" lIns="0" tIns="0" rIns="0" bIns="0" rtlCol="0" anchor="t">
            <a:noAutofit/>
          </a:bodyPr>
          <a:lstStyle>
            <a:lvl1pPr>
              <a:lnSpc>
                <a:spcPct val="100000"/>
              </a:lnSpc>
              <a:spcBef>
                <a:spcPct val="0"/>
              </a:spcBef>
              <a:defRPr sz="2000">
                <a:solidFill>
                  <a:schemeClr val="tx1"/>
                </a:solidFill>
                <a:ea typeface="+mj-ea"/>
                <a:cs typeface="+mj-cs"/>
              </a:defRPr>
            </a:lvl1pPr>
          </a:lstStyle>
          <a:p>
            <a:pPr lvl="0"/>
            <a:r>
              <a:rPr lang="en-US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5409012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Divider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6" name="ION logo">
            <a:extLst>
              <a:ext uri="{FF2B5EF4-FFF2-40B4-BE49-F238E27FC236}">
                <a16:creationId xmlns:a16="http://schemas.microsoft.com/office/drawing/2014/main" id="{2BD74B23-385C-4683-9FCF-349FD3EEB52D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176028" y="324000"/>
            <a:ext cx="1299600" cy="661049"/>
            <a:chOff x="3787776" y="2987675"/>
            <a:chExt cx="3117850" cy="1585913"/>
          </a:xfrm>
          <a:solidFill>
            <a:schemeClr val="accent3">
              <a:alpha val="50196"/>
            </a:schemeClr>
          </a:solidFill>
        </p:grpSpPr>
        <p:sp>
          <p:nvSpPr>
            <p:cNvPr id="23" name="Protons">
              <a:extLst>
                <a:ext uri="{FF2B5EF4-FFF2-40B4-BE49-F238E27FC236}">
                  <a16:creationId xmlns:a16="http://schemas.microsoft.com/office/drawing/2014/main" id="{077283E5-3CA5-40D0-8853-4505453D3A2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787776" y="2987675"/>
              <a:ext cx="2597150" cy="1296987"/>
            </a:xfrm>
            <a:custGeom>
              <a:avLst/>
              <a:gdLst>
                <a:gd name="T0" fmla="*/ 463 w 2400"/>
                <a:gd name="T1" fmla="*/ 900 h 1200"/>
                <a:gd name="T2" fmla="*/ 480 w 2400"/>
                <a:gd name="T3" fmla="*/ 960 h 1200"/>
                <a:gd name="T4" fmla="*/ 463 w 2400"/>
                <a:gd name="T5" fmla="*/ 1020 h 1200"/>
                <a:gd name="T6" fmla="*/ 360 w 2400"/>
                <a:gd name="T7" fmla="*/ 960 h 1200"/>
                <a:gd name="T8" fmla="*/ 463 w 2400"/>
                <a:gd name="T9" fmla="*/ 900 h 1200"/>
                <a:gd name="T10" fmla="*/ 256 w 2400"/>
                <a:gd name="T11" fmla="*/ 900 h 1200"/>
                <a:gd name="T12" fmla="*/ 240 w 2400"/>
                <a:gd name="T13" fmla="*/ 960 h 1200"/>
                <a:gd name="T14" fmla="*/ 256 w 2400"/>
                <a:gd name="T15" fmla="*/ 1020 h 1200"/>
                <a:gd name="T16" fmla="*/ 360 w 2400"/>
                <a:gd name="T17" fmla="*/ 960 h 1200"/>
                <a:gd name="T18" fmla="*/ 256 w 2400"/>
                <a:gd name="T19" fmla="*/ 900 h 1200"/>
                <a:gd name="T20" fmla="*/ 2160 w 2400"/>
                <a:gd name="T21" fmla="*/ 840 h 1200"/>
                <a:gd name="T22" fmla="*/ 2040 w 2400"/>
                <a:gd name="T23" fmla="*/ 720 h 1200"/>
                <a:gd name="T24" fmla="*/ 2040 w 2400"/>
                <a:gd name="T25" fmla="*/ 720 h 1200"/>
                <a:gd name="T26" fmla="*/ 1920 w 2400"/>
                <a:gd name="T27" fmla="*/ 840 h 1200"/>
                <a:gd name="T28" fmla="*/ 2040 w 2400"/>
                <a:gd name="T29" fmla="*/ 960 h 1200"/>
                <a:gd name="T30" fmla="*/ 2160 w 2400"/>
                <a:gd name="T31" fmla="*/ 840 h 1200"/>
                <a:gd name="T32" fmla="*/ 2383 w 2400"/>
                <a:gd name="T33" fmla="*/ 1020 h 1200"/>
                <a:gd name="T34" fmla="*/ 2280 w 2400"/>
                <a:gd name="T35" fmla="*/ 960 h 1200"/>
                <a:gd name="T36" fmla="*/ 2280 w 2400"/>
                <a:gd name="T37" fmla="*/ 960 h 1200"/>
                <a:gd name="T38" fmla="*/ 2176 w 2400"/>
                <a:gd name="T39" fmla="*/ 1020 h 1200"/>
                <a:gd name="T40" fmla="*/ 2160 w 2400"/>
                <a:gd name="T41" fmla="*/ 1080 h 1200"/>
                <a:gd name="T42" fmla="*/ 2160 w 2400"/>
                <a:gd name="T43" fmla="*/ 1080 h 1200"/>
                <a:gd name="T44" fmla="*/ 2280 w 2400"/>
                <a:gd name="T45" fmla="*/ 1200 h 1200"/>
                <a:gd name="T46" fmla="*/ 2400 w 2400"/>
                <a:gd name="T47" fmla="*/ 1080 h 1200"/>
                <a:gd name="T48" fmla="*/ 2383 w 2400"/>
                <a:gd name="T49" fmla="*/ 1020 h 1200"/>
                <a:gd name="T50" fmla="*/ 120 w 2400"/>
                <a:gd name="T51" fmla="*/ 0 h 1200"/>
                <a:gd name="T52" fmla="*/ 0 w 2400"/>
                <a:gd name="T53" fmla="*/ 120 h 1200"/>
                <a:gd name="T54" fmla="*/ 120 w 2400"/>
                <a:gd name="T55" fmla="*/ 240 h 1200"/>
                <a:gd name="T56" fmla="*/ 240 w 2400"/>
                <a:gd name="T57" fmla="*/ 120 h 1200"/>
                <a:gd name="T58" fmla="*/ 120 w 2400"/>
                <a:gd name="T59" fmla="*/ 0 h 12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2400" h="1200">
                  <a:moveTo>
                    <a:pt x="463" y="900"/>
                  </a:moveTo>
                  <a:cubicBezTo>
                    <a:pt x="474" y="918"/>
                    <a:pt x="480" y="938"/>
                    <a:pt x="480" y="960"/>
                  </a:cubicBezTo>
                  <a:cubicBezTo>
                    <a:pt x="480" y="982"/>
                    <a:pt x="474" y="1002"/>
                    <a:pt x="463" y="1020"/>
                  </a:cubicBezTo>
                  <a:cubicBezTo>
                    <a:pt x="443" y="984"/>
                    <a:pt x="404" y="960"/>
                    <a:pt x="360" y="960"/>
                  </a:cubicBezTo>
                  <a:cubicBezTo>
                    <a:pt x="404" y="960"/>
                    <a:pt x="443" y="936"/>
                    <a:pt x="463" y="900"/>
                  </a:cubicBezTo>
                  <a:moveTo>
                    <a:pt x="256" y="900"/>
                  </a:moveTo>
                  <a:cubicBezTo>
                    <a:pt x="246" y="918"/>
                    <a:pt x="240" y="938"/>
                    <a:pt x="240" y="960"/>
                  </a:cubicBezTo>
                  <a:cubicBezTo>
                    <a:pt x="240" y="982"/>
                    <a:pt x="246" y="1002"/>
                    <a:pt x="256" y="1020"/>
                  </a:cubicBezTo>
                  <a:cubicBezTo>
                    <a:pt x="277" y="984"/>
                    <a:pt x="315" y="960"/>
                    <a:pt x="360" y="960"/>
                  </a:cubicBezTo>
                  <a:cubicBezTo>
                    <a:pt x="315" y="960"/>
                    <a:pt x="277" y="936"/>
                    <a:pt x="256" y="900"/>
                  </a:cubicBezTo>
                  <a:moveTo>
                    <a:pt x="2160" y="840"/>
                  </a:moveTo>
                  <a:cubicBezTo>
                    <a:pt x="2160" y="774"/>
                    <a:pt x="2106" y="720"/>
                    <a:pt x="2040" y="720"/>
                  </a:cubicBezTo>
                  <a:cubicBezTo>
                    <a:pt x="2040" y="720"/>
                    <a:pt x="2040" y="720"/>
                    <a:pt x="2040" y="720"/>
                  </a:cubicBezTo>
                  <a:cubicBezTo>
                    <a:pt x="1973" y="720"/>
                    <a:pt x="1920" y="774"/>
                    <a:pt x="1920" y="840"/>
                  </a:cubicBezTo>
                  <a:cubicBezTo>
                    <a:pt x="1920" y="906"/>
                    <a:pt x="1973" y="960"/>
                    <a:pt x="2040" y="960"/>
                  </a:cubicBezTo>
                  <a:cubicBezTo>
                    <a:pt x="2106" y="960"/>
                    <a:pt x="2160" y="906"/>
                    <a:pt x="2160" y="840"/>
                  </a:cubicBezTo>
                  <a:close/>
                  <a:moveTo>
                    <a:pt x="2383" y="1020"/>
                  </a:moveTo>
                  <a:cubicBezTo>
                    <a:pt x="2363" y="984"/>
                    <a:pt x="2324" y="960"/>
                    <a:pt x="2280" y="960"/>
                  </a:cubicBezTo>
                  <a:cubicBezTo>
                    <a:pt x="2280" y="960"/>
                    <a:pt x="2280" y="960"/>
                    <a:pt x="2280" y="960"/>
                  </a:cubicBezTo>
                  <a:cubicBezTo>
                    <a:pt x="2235" y="960"/>
                    <a:pt x="2197" y="984"/>
                    <a:pt x="2176" y="1020"/>
                  </a:cubicBezTo>
                  <a:cubicBezTo>
                    <a:pt x="2166" y="1038"/>
                    <a:pt x="2160" y="1058"/>
                    <a:pt x="2160" y="1080"/>
                  </a:cubicBezTo>
                  <a:cubicBezTo>
                    <a:pt x="2160" y="1080"/>
                    <a:pt x="2160" y="1080"/>
                    <a:pt x="2160" y="1080"/>
                  </a:cubicBezTo>
                  <a:cubicBezTo>
                    <a:pt x="2160" y="1146"/>
                    <a:pt x="2213" y="1200"/>
                    <a:pt x="2280" y="1200"/>
                  </a:cubicBezTo>
                  <a:cubicBezTo>
                    <a:pt x="2346" y="1200"/>
                    <a:pt x="2400" y="1146"/>
                    <a:pt x="2400" y="1080"/>
                  </a:cubicBezTo>
                  <a:cubicBezTo>
                    <a:pt x="2400" y="1058"/>
                    <a:pt x="2394" y="1038"/>
                    <a:pt x="2383" y="1020"/>
                  </a:cubicBezTo>
                  <a:moveTo>
                    <a:pt x="120" y="0"/>
                  </a:moveTo>
                  <a:cubicBezTo>
                    <a:pt x="53" y="0"/>
                    <a:pt x="0" y="54"/>
                    <a:pt x="0" y="120"/>
                  </a:cubicBezTo>
                  <a:cubicBezTo>
                    <a:pt x="0" y="186"/>
                    <a:pt x="53" y="240"/>
                    <a:pt x="120" y="240"/>
                  </a:cubicBezTo>
                  <a:cubicBezTo>
                    <a:pt x="186" y="240"/>
                    <a:pt x="240" y="186"/>
                    <a:pt x="240" y="120"/>
                  </a:cubicBezTo>
                  <a:cubicBezTo>
                    <a:pt x="240" y="54"/>
                    <a:pt x="186" y="0"/>
                    <a:pt x="120" y="0"/>
                  </a:cubicBezTo>
                </a:path>
              </a:pathLst>
            </a:custGeom>
            <a:solidFill>
              <a:schemeClr val="accent3"/>
            </a:solidFill>
            <a:ln w="1588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4" name="Electrons">
              <a:extLst>
                <a:ext uri="{FF2B5EF4-FFF2-40B4-BE49-F238E27FC236}">
                  <a16:creationId xmlns:a16="http://schemas.microsoft.com/office/drawing/2014/main" id="{3E432AD5-779B-4B32-8A84-791DED3C9ED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046538" y="3246438"/>
              <a:ext cx="2859088" cy="1038225"/>
            </a:xfrm>
            <a:custGeom>
              <a:avLst/>
              <a:gdLst>
                <a:gd name="T0" fmla="*/ 2143 w 2640"/>
                <a:gd name="T1" fmla="*/ 660 h 960"/>
                <a:gd name="T2" fmla="*/ 2160 w 2640"/>
                <a:gd name="T3" fmla="*/ 720 h 960"/>
                <a:gd name="T4" fmla="*/ 2143 w 2640"/>
                <a:gd name="T5" fmla="*/ 780 h 960"/>
                <a:gd name="T6" fmla="*/ 2040 w 2640"/>
                <a:gd name="T7" fmla="*/ 720 h 960"/>
                <a:gd name="T8" fmla="*/ 2143 w 2640"/>
                <a:gd name="T9" fmla="*/ 660 h 960"/>
                <a:gd name="T10" fmla="*/ 1936 w 2640"/>
                <a:gd name="T11" fmla="*/ 420 h 960"/>
                <a:gd name="T12" fmla="*/ 1920 w 2640"/>
                <a:gd name="T13" fmla="*/ 480 h 960"/>
                <a:gd name="T14" fmla="*/ 1936 w 2640"/>
                <a:gd name="T15" fmla="*/ 540 h 960"/>
                <a:gd name="T16" fmla="*/ 2040 w 2640"/>
                <a:gd name="T17" fmla="*/ 480 h 960"/>
                <a:gd name="T18" fmla="*/ 1936 w 2640"/>
                <a:gd name="T19" fmla="*/ 420 h 960"/>
                <a:gd name="T20" fmla="*/ 2040 w 2640"/>
                <a:gd name="T21" fmla="*/ 480 h 960"/>
                <a:gd name="T22" fmla="*/ 2143 w 2640"/>
                <a:gd name="T23" fmla="*/ 540 h 960"/>
                <a:gd name="T24" fmla="*/ 2160 w 2640"/>
                <a:gd name="T25" fmla="*/ 480 h 960"/>
                <a:gd name="T26" fmla="*/ 2143 w 2640"/>
                <a:gd name="T27" fmla="*/ 420 h 960"/>
                <a:gd name="T28" fmla="*/ 2040 w 2640"/>
                <a:gd name="T29" fmla="*/ 480 h 960"/>
                <a:gd name="T30" fmla="*/ 120 w 2640"/>
                <a:gd name="T31" fmla="*/ 480 h 960"/>
                <a:gd name="T32" fmla="*/ 0 w 2640"/>
                <a:gd name="T33" fmla="*/ 600 h 960"/>
                <a:gd name="T34" fmla="*/ 16 w 2640"/>
                <a:gd name="T35" fmla="*/ 660 h 960"/>
                <a:gd name="T36" fmla="*/ 120 w 2640"/>
                <a:gd name="T37" fmla="*/ 720 h 960"/>
                <a:gd name="T38" fmla="*/ 223 w 2640"/>
                <a:gd name="T39" fmla="*/ 660 h 960"/>
                <a:gd name="T40" fmla="*/ 240 w 2640"/>
                <a:gd name="T41" fmla="*/ 600 h 960"/>
                <a:gd name="T42" fmla="*/ 120 w 2640"/>
                <a:gd name="T43" fmla="*/ 480 h 960"/>
                <a:gd name="T44" fmla="*/ 1560 w 2640"/>
                <a:gd name="T45" fmla="*/ 480 h 960"/>
                <a:gd name="T46" fmla="*/ 1440 w 2640"/>
                <a:gd name="T47" fmla="*/ 600 h 960"/>
                <a:gd name="T48" fmla="*/ 1456 w 2640"/>
                <a:gd name="T49" fmla="*/ 660 h 960"/>
                <a:gd name="T50" fmla="*/ 1440 w 2640"/>
                <a:gd name="T51" fmla="*/ 720 h 960"/>
                <a:gd name="T52" fmla="*/ 1456 w 2640"/>
                <a:gd name="T53" fmla="*/ 780 h 960"/>
                <a:gd name="T54" fmla="*/ 1440 w 2640"/>
                <a:gd name="T55" fmla="*/ 840 h 960"/>
                <a:gd name="T56" fmla="*/ 1560 w 2640"/>
                <a:gd name="T57" fmla="*/ 960 h 960"/>
                <a:gd name="T58" fmla="*/ 1680 w 2640"/>
                <a:gd name="T59" fmla="*/ 840 h 960"/>
                <a:gd name="T60" fmla="*/ 1663 w 2640"/>
                <a:gd name="T61" fmla="*/ 780 h 960"/>
                <a:gd name="T62" fmla="*/ 1680 w 2640"/>
                <a:gd name="T63" fmla="*/ 720 h 960"/>
                <a:gd name="T64" fmla="*/ 1663 w 2640"/>
                <a:gd name="T65" fmla="*/ 660 h 960"/>
                <a:gd name="T66" fmla="*/ 1680 w 2640"/>
                <a:gd name="T67" fmla="*/ 600 h 960"/>
                <a:gd name="T68" fmla="*/ 1560 w 2640"/>
                <a:gd name="T69" fmla="*/ 480 h 960"/>
                <a:gd name="T70" fmla="*/ 2520 w 2640"/>
                <a:gd name="T71" fmla="*/ 0 h 960"/>
                <a:gd name="T72" fmla="*/ 2400 w 2640"/>
                <a:gd name="T73" fmla="*/ 120 h 960"/>
                <a:gd name="T74" fmla="*/ 2520 w 2640"/>
                <a:gd name="T75" fmla="*/ 240 h 960"/>
                <a:gd name="T76" fmla="*/ 2640 w 2640"/>
                <a:gd name="T77" fmla="*/ 120 h 960"/>
                <a:gd name="T78" fmla="*/ 2520 w 2640"/>
                <a:gd name="T79" fmla="*/ 0 h 9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</a:cxnLst>
              <a:rect l="0" t="0" r="r" b="b"/>
              <a:pathLst>
                <a:path w="2640" h="960">
                  <a:moveTo>
                    <a:pt x="2143" y="660"/>
                  </a:moveTo>
                  <a:cubicBezTo>
                    <a:pt x="2154" y="678"/>
                    <a:pt x="2160" y="698"/>
                    <a:pt x="2160" y="720"/>
                  </a:cubicBezTo>
                  <a:cubicBezTo>
                    <a:pt x="2160" y="742"/>
                    <a:pt x="2154" y="762"/>
                    <a:pt x="2143" y="780"/>
                  </a:cubicBezTo>
                  <a:cubicBezTo>
                    <a:pt x="2123" y="744"/>
                    <a:pt x="2084" y="720"/>
                    <a:pt x="2040" y="720"/>
                  </a:cubicBezTo>
                  <a:cubicBezTo>
                    <a:pt x="2084" y="720"/>
                    <a:pt x="2123" y="696"/>
                    <a:pt x="2143" y="660"/>
                  </a:cubicBezTo>
                  <a:moveTo>
                    <a:pt x="1936" y="420"/>
                  </a:moveTo>
                  <a:cubicBezTo>
                    <a:pt x="1926" y="438"/>
                    <a:pt x="1920" y="458"/>
                    <a:pt x="1920" y="480"/>
                  </a:cubicBezTo>
                  <a:cubicBezTo>
                    <a:pt x="1920" y="502"/>
                    <a:pt x="1926" y="522"/>
                    <a:pt x="1936" y="540"/>
                  </a:cubicBezTo>
                  <a:cubicBezTo>
                    <a:pt x="1957" y="504"/>
                    <a:pt x="1995" y="480"/>
                    <a:pt x="2040" y="480"/>
                  </a:cubicBezTo>
                  <a:cubicBezTo>
                    <a:pt x="1995" y="480"/>
                    <a:pt x="1957" y="456"/>
                    <a:pt x="1936" y="420"/>
                  </a:cubicBezTo>
                  <a:moveTo>
                    <a:pt x="2040" y="480"/>
                  </a:moveTo>
                  <a:cubicBezTo>
                    <a:pt x="2084" y="480"/>
                    <a:pt x="2123" y="504"/>
                    <a:pt x="2143" y="540"/>
                  </a:cubicBezTo>
                  <a:cubicBezTo>
                    <a:pt x="2154" y="522"/>
                    <a:pt x="2160" y="502"/>
                    <a:pt x="2160" y="480"/>
                  </a:cubicBezTo>
                  <a:cubicBezTo>
                    <a:pt x="2160" y="458"/>
                    <a:pt x="2154" y="438"/>
                    <a:pt x="2143" y="420"/>
                  </a:cubicBezTo>
                  <a:cubicBezTo>
                    <a:pt x="2123" y="456"/>
                    <a:pt x="2084" y="480"/>
                    <a:pt x="2040" y="480"/>
                  </a:cubicBezTo>
                  <a:moveTo>
                    <a:pt x="120" y="480"/>
                  </a:moveTo>
                  <a:cubicBezTo>
                    <a:pt x="53" y="480"/>
                    <a:pt x="0" y="534"/>
                    <a:pt x="0" y="600"/>
                  </a:cubicBezTo>
                  <a:cubicBezTo>
                    <a:pt x="0" y="622"/>
                    <a:pt x="6" y="642"/>
                    <a:pt x="16" y="660"/>
                  </a:cubicBezTo>
                  <a:cubicBezTo>
                    <a:pt x="37" y="696"/>
                    <a:pt x="75" y="720"/>
                    <a:pt x="120" y="720"/>
                  </a:cubicBezTo>
                  <a:cubicBezTo>
                    <a:pt x="164" y="720"/>
                    <a:pt x="203" y="696"/>
                    <a:pt x="223" y="660"/>
                  </a:cubicBezTo>
                  <a:cubicBezTo>
                    <a:pt x="234" y="642"/>
                    <a:pt x="240" y="622"/>
                    <a:pt x="240" y="600"/>
                  </a:cubicBezTo>
                  <a:cubicBezTo>
                    <a:pt x="240" y="534"/>
                    <a:pt x="186" y="480"/>
                    <a:pt x="120" y="480"/>
                  </a:cubicBezTo>
                  <a:moveTo>
                    <a:pt x="1560" y="480"/>
                  </a:moveTo>
                  <a:cubicBezTo>
                    <a:pt x="1493" y="480"/>
                    <a:pt x="1440" y="534"/>
                    <a:pt x="1440" y="600"/>
                  </a:cubicBezTo>
                  <a:cubicBezTo>
                    <a:pt x="1440" y="622"/>
                    <a:pt x="1446" y="642"/>
                    <a:pt x="1456" y="660"/>
                  </a:cubicBezTo>
                  <a:cubicBezTo>
                    <a:pt x="1446" y="678"/>
                    <a:pt x="1440" y="698"/>
                    <a:pt x="1440" y="720"/>
                  </a:cubicBezTo>
                  <a:cubicBezTo>
                    <a:pt x="1440" y="742"/>
                    <a:pt x="1446" y="762"/>
                    <a:pt x="1456" y="780"/>
                  </a:cubicBezTo>
                  <a:cubicBezTo>
                    <a:pt x="1446" y="798"/>
                    <a:pt x="1440" y="818"/>
                    <a:pt x="1440" y="840"/>
                  </a:cubicBezTo>
                  <a:cubicBezTo>
                    <a:pt x="1440" y="906"/>
                    <a:pt x="1493" y="960"/>
                    <a:pt x="1560" y="960"/>
                  </a:cubicBezTo>
                  <a:cubicBezTo>
                    <a:pt x="1626" y="960"/>
                    <a:pt x="1680" y="906"/>
                    <a:pt x="1680" y="840"/>
                  </a:cubicBezTo>
                  <a:cubicBezTo>
                    <a:pt x="1680" y="818"/>
                    <a:pt x="1674" y="798"/>
                    <a:pt x="1663" y="780"/>
                  </a:cubicBezTo>
                  <a:cubicBezTo>
                    <a:pt x="1674" y="762"/>
                    <a:pt x="1680" y="742"/>
                    <a:pt x="1680" y="720"/>
                  </a:cubicBezTo>
                  <a:cubicBezTo>
                    <a:pt x="1680" y="698"/>
                    <a:pt x="1674" y="678"/>
                    <a:pt x="1663" y="660"/>
                  </a:cubicBezTo>
                  <a:cubicBezTo>
                    <a:pt x="1674" y="642"/>
                    <a:pt x="1680" y="622"/>
                    <a:pt x="1680" y="600"/>
                  </a:cubicBezTo>
                  <a:cubicBezTo>
                    <a:pt x="1680" y="534"/>
                    <a:pt x="1626" y="480"/>
                    <a:pt x="1560" y="480"/>
                  </a:cubicBezTo>
                  <a:moveTo>
                    <a:pt x="2520" y="0"/>
                  </a:moveTo>
                  <a:cubicBezTo>
                    <a:pt x="2453" y="0"/>
                    <a:pt x="2400" y="54"/>
                    <a:pt x="2400" y="120"/>
                  </a:cubicBezTo>
                  <a:cubicBezTo>
                    <a:pt x="2400" y="186"/>
                    <a:pt x="2453" y="240"/>
                    <a:pt x="2520" y="240"/>
                  </a:cubicBezTo>
                  <a:cubicBezTo>
                    <a:pt x="2586" y="240"/>
                    <a:pt x="2640" y="186"/>
                    <a:pt x="2640" y="120"/>
                  </a:cubicBezTo>
                  <a:cubicBezTo>
                    <a:pt x="2640" y="54"/>
                    <a:pt x="2586" y="0"/>
                    <a:pt x="2520" y="0"/>
                  </a:cubicBezTo>
                </a:path>
              </a:pathLst>
            </a:custGeom>
            <a:solidFill>
              <a:schemeClr val="accent2"/>
            </a:solidFill>
            <a:ln w="1588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2" name="Nucleus and Neutrons">
              <a:extLst>
                <a:ext uri="{FF2B5EF4-FFF2-40B4-BE49-F238E27FC236}">
                  <a16:creationId xmlns:a16="http://schemas.microsoft.com/office/drawing/2014/main" id="{050167C6-915F-4912-B638-62778C50A75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046538" y="3506788"/>
              <a:ext cx="2338388" cy="1066800"/>
            </a:xfrm>
            <a:custGeom>
              <a:avLst/>
              <a:gdLst>
                <a:gd name="T0" fmla="*/ 840 w 2160"/>
                <a:gd name="T1" fmla="*/ 0 h 987"/>
                <a:gd name="T2" fmla="*/ 480 w 2160"/>
                <a:gd name="T3" fmla="*/ 360 h 987"/>
                <a:gd name="T4" fmla="*/ 840 w 2160"/>
                <a:gd name="T5" fmla="*/ 720 h 987"/>
                <a:gd name="T6" fmla="*/ 1200 w 2160"/>
                <a:gd name="T7" fmla="*/ 360 h 987"/>
                <a:gd name="T8" fmla="*/ 840 w 2160"/>
                <a:gd name="T9" fmla="*/ 0 h 987"/>
                <a:gd name="T10" fmla="*/ 840 w 2160"/>
                <a:gd name="T11" fmla="*/ 480 h 987"/>
                <a:gd name="T12" fmla="*/ 720 w 2160"/>
                <a:gd name="T13" fmla="*/ 360 h 987"/>
                <a:gd name="T14" fmla="*/ 840 w 2160"/>
                <a:gd name="T15" fmla="*/ 240 h 987"/>
                <a:gd name="T16" fmla="*/ 960 w 2160"/>
                <a:gd name="T17" fmla="*/ 360 h 987"/>
                <a:gd name="T18" fmla="*/ 840 w 2160"/>
                <a:gd name="T19" fmla="*/ 480 h 987"/>
                <a:gd name="T20" fmla="*/ 240 w 2160"/>
                <a:gd name="T21" fmla="*/ 120 h 987"/>
                <a:gd name="T22" fmla="*/ 120 w 2160"/>
                <a:gd name="T23" fmla="*/ 240 h 987"/>
                <a:gd name="T24" fmla="*/ 0 w 2160"/>
                <a:gd name="T25" fmla="*/ 120 h 987"/>
                <a:gd name="T26" fmla="*/ 120 w 2160"/>
                <a:gd name="T27" fmla="*/ 0 h 987"/>
                <a:gd name="T28" fmla="*/ 240 w 2160"/>
                <a:gd name="T29" fmla="*/ 120 h 987"/>
                <a:gd name="T30" fmla="*/ 1800 w 2160"/>
                <a:gd name="T31" fmla="*/ 240 h 987"/>
                <a:gd name="T32" fmla="*/ 1680 w 2160"/>
                <a:gd name="T33" fmla="*/ 360 h 987"/>
                <a:gd name="T34" fmla="*/ 1560 w 2160"/>
                <a:gd name="T35" fmla="*/ 240 h 987"/>
                <a:gd name="T36" fmla="*/ 1440 w 2160"/>
                <a:gd name="T37" fmla="*/ 120 h 987"/>
                <a:gd name="T38" fmla="*/ 1560 w 2160"/>
                <a:gd name="T39" fmla="*/ 0 h 987"/>
                <a:gd name="T40" fmla="*/ 1680 w 2160"/>
                <a:gd name="T41" fmla="*/ 120 h 987"/>
                <a:gd name="T42" fmla="*/ 1800 w 2160"/>
                <a:gd name="T43" fmla="*/ 240 h 987"/>
                <a:gd name="T44" fmla="*/ 2040 w 2160"/>
                <a:gd name="T45" fmla="*/ 240 h 987"/>
                <a:gd name="T46" fmla="*/ 1936 w 2160"/>
                <a:gd name="T47" fmla="*/ 180 h 987"/>
                <a:gd name="T48" fmla="*/ 1920 w 2160"/>
                <a:gd name="T49" fmla="*/ 120 h 987"/>
                <a:gd name="T50" fmla="*/ 2040 w 2160"/>
                <a:gd name="T51" fmla="*/ 0 h 987"/>
                <a:gd name="T52" fmla="*/ 2160 w 2160"/>
                <a:gd name="T53" fmla="*/ 120 h 987"/>
                <a:gd name="T54" fmla="*/ 2143 w 2160"/>
                <a:gd name="T55" fmla="*/ 180 h 987"/>
                <a:gd name="T56" fmla="*/ 2040 w 2160"/>
                <a:gd name="T57" fmla="*/ 240 h 987"/>
                <a:gd name="T58" fmla="*/ 2143 w 2160"/>
                <a:gd name="T59" fmla="*/ 300 h 987"/>
                <a:gd name="T60" fmla="*/ 2160 w 2160"/>
                <a:gd name="T61" fmla="*/ 360 h 987"/>
                <a:gd name="T62" fmla="*/ 2143 w 2160"/>
                <a:gd name="T63" fmla="*/ 420 h 987"/>
                <a:gd name="T64" fmla="*/ 2040 w 2160"/>
                <a:gd name="T65" fmla="*/ 480 h 987"/>
                <a:gd name="T66" fmla="*/ 2040 w 2160"/>
                <a:gd name="T67" fmla="*/ 480 h 987"/>
                <a:gd name="T68" fmla="*/ 1936 w 2160"/>
                <a:gd name="T69" fmla="*/ 540 h 987"/>
                <a:gd name="T70" fmla="*/ 1920 w 2160"/>
                <a:gd name="T71" fmla="*/ 600 h 987"/>
                <a:gd name="T72" fmla="*/ 1920 w 2160"/>
                <a:gd name="T73" fmla="*/ 600 h 987"/>
                <a:gd name="T74" fmla="*/ 1800 w 2160"/>
                <a:gd name="T75" fmla="*/ 480 h 987"/>
                <a:gd name="T76" fmla="*/ 1920 w 2160"/>
                <a:gd name="T77" fmla="*/ 360 h 987"/>
                <a:gd name="T78" fmla="*/ 1936 w 2160"/>
                <a:gd name="T79" fmla="*/ 300 h 987"/>
                <a:gd name="T80" fmla="*/ 2040 w 2160"/>
                <a:gd name="T81" fmla="*/ 240 h 987"/>
                <a:gd name="T82" fmla="*/ 2143 w 2160"/>
                <a:gd name="T83" fmla="*/ 300 h 987"/>
                <a:gd name="T84" fmla="*/ 223 w 2160"/>
                <a:gd name="T85" fmla="*/ 540 h 987"/>
                <a:gd name="T86" fmla="*/ 240 w 2160"/>
                <a:gd name="T87" fmla="*/ 600 h 987"/>
                <a:gd name="T88" fmla="*/ 120 w 2160"/>
                <a:gd name="T89" fmla="*/ 720 h 987"/>
                <a:gd name="T90" fmla="*/ 0 w 2160"/>
                <a:gd name="T91" fmla="*/ 600 h 987"/>
                <a:gd name="T92" fmla="*/ 16 w 2160"/>
                <a:gd name="T93" fmla="*/ 540 h 987"/>
                <a:gd name="T94" fmla="*/ 120 w 2160"/>
                <a:gd name="T95" fmla="*/ 480 h 987"/>
                <a:gd name="T96" fmla="*/ 223 w 2160"/>
                <a:gd name="T97" fmla="*/ 540 h 987"/>
                <a:gd name="T98" fmla="*/ 1468 w 2160"/>
                <a:gd name="T99" fmla="*/ 867 h 987"/>
                <a:gd name="T100" fmla="*/ 1348 w 2160"/>
                <a:gd name="T101" fmla="*/ 987 h 987"/>
                <a:gd name="T102" fmla="*/ 1228 w 2160"/>
                <a:gd name="T103" fmla="*/ 867 h 987"/>
                <a:gd name="T104" fmla="*/ 1348 w 2160"/>
                <a:gd name="T105" fmla="*/ 747 h 987"/>
                <a:gd name="T106" fmla="*/ 1468 w 2160"/>
                <a:gd name="T107" fmla="*/ 867 h 9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2160" h="987">
                  <a:moveTo>
                    <a:pt x="840" y="0"/>
                  </a:moveTo>
                  <a:cubicBezTo>
                    <a:pt x="641" y="0"/>
                    <a:pt x="480" y="161"/>
                    <a:pt x="480" y="360"/>
                  </a:cubicBezTo>
                  <a:cubicBezTo>
                    <a:pt x="480" y="559"/>
                    <a:pt x="641" y="720"/>
                    <a:pt x="840" y="720"/>
                  </a:cubicBezTo>
                  <a:cubicBezTo>
                    <a:pt x="1038" y="720"/>
                    <a:pt x="1200" y="559"/>
                    <a:pt x="1200" y="360"/>
                  </a:cubicBezTo>
                  <a:cubicBezTo>
                    <a:pt x="1200" y="161"/>
                    <a:pt x="1038" y="0"/>
                    <a:pt x="840" y="0"/>
                  </a:cubicBezTo>
                  <a:moveTo>
                    <a:pt x="840" y="480"/>
                  </a:moveTo>
                  <a:cubicBezTo>
                    <a:pt x="773" y="480"/>
                    <a:pt x="720" y="426"/>
                    <a:pt x="720" y="360"/>
                  </a:cubicBezTo>
                  <a:cubicBezTo>
                    <a:pt x="720" y="294"/>
                    <a:pt x="773" y="240"/>
                    <a:pt x="840" y="240"/>
                  </a:cubicBezTo>
                  <a:cubicBezTo>
                    <a:pt x="906" y="240"/>
                    <a:pt x="960" y="294"/>
                    <a:pt x="960" y="360"/>
                  </a:cubicBezTo>
                  <a:cubicBezTo>
                    <a:pt x="960" y="426"/>
                    <a:pt x="906" y="480"/>
                    <a:pt x="840" y="480"/>
                  </a:cubicBezTo>
                  <a:moveTo>
                    <a:pt x="240" y="120"/>
                  </a:moveTo>
                  <a:cubicBezTo>
                    <a:pt x="240" y="186"/>
                    <a:pt x="186" y="240"/>
                    <a:pt x="120" y="240"/>
                  </a:cubicBezTo>
                  <a:cubicBezTo>
                    <a:pt x="53" y="240"/>
                    <a:pt x="0" y="186"/>
                    <a:pt x="0" y="120"/>
                  </a:cubicBezTo>
                  <a:cubicBezTo>
                    <a:pt x="0" y="54"/>
                    <a:pt x="53" y="0"/>
                    <a:pt x="120" y="0"/>
                  </a:cubicBezTo>
                  <a:cubicBezTo>
                    <a:pt x="186" y="0"/>
                    <a:pt x="240" y="54"/>
                    <a:pt x="240" y="120"/>
                  </a:cubicBezTo>
                  <a:moveTo>
                    <a:pt x="1800" y="240"/>
                  </a:moveTo>
                  <a:cubicBezTo>
                    <a:pt x="1733" y="240"/>
                    <a:pt x="1680" y="294"/>
                    <a:pt x="1680" y="360"/>
                  </a:cubicBezTo>
                  <a:cubicBezTo>
                    <a:pt x="1680" y="294"/>
                    <a:pt x="1626" y="240"/>
                    <a:pt x="1560" y="240"/>
                  </a:cubicBezTo>
                  <a:cubicBezTo>
                    <a:pt x="1493" y="240"/>
                    <a:pt x="1440" y="186"/>
                    <a:pt x="1440" y="120"/>
                  </a:cubicBezTo>
                  <a:cubicBezTo>
                    <a:pt x="1440" y="54"/>
                    <a:pt x="1493" y="0"/>
                    <a:pt x="1560" y="0"/>
                  </a:cubicBezTo>
                  <a:cubicBezTo>
                    <a:pt x="1626" y="0"/>
                    <a:pt x="1680" y="54"/>
                    <a:pt x="1680" y="120"/>
                  </a:cubicBezTo>
                  <a:cubicBezTo>
                    <a:pt x="1746" y="120"/>
                    <a:pt x="1800" y="174"/>
                    <a:pt x="1800" y="240"/>
                  </a:cubicBezTo>
                  <a:close/>
                  <a:moveTo>
                    <a:pt x="2040" y="240"/>
                  </a:moveTo>
                  <a:cubicBezTo>
                    <a:pt x="1995" y="240"/>
                    <a:pt x="1957" y="216"/>
                    <a:pt x="1936" y="180"/>
                  </a:cubicBezTo>
                  <a:cubicBezTo>
                    <a:pt x="1926" y="162"/>
                    <a:pt x="1920" y="142"/>
                    <a:pt x="1920" y="120"/>
                  </a:cubicBezTo>
                  <a:cubicBezTo>
                    <a:pt x="1920" y="54"/>
                    <a:pt x="1973" y="0"/>
                    <a:pt x="2040" y="0"/>
                  </a:cubicBezTo>
                  <a:cubicBezTo>
                    <a:pt x="2106" y="0"/>
                    <a:pt x="2160" y="54"/>
                    <a:pt x="2160" y="120"/>
                  </a:cubicBezTo>
                  <a:cubicBezTo>
                    <a:pt x="2160" y="142"/>
                    <a:pt x="2154" y="162"/>
                    <a:pt x="2143" y="180"/>
                  </a:cubicBezTo>
                  <a:cubicBezTo>
                    <a:pt x="2123" y="216"/>
                    <a:pt x="2084" y="240"/>
                    <a:pt x="2040" y="240"/>
                  </a:cubicBezTo>
                  <a:moveTo>
                    <a:pt x="2143" y="300"/>
                  </a:moveTo>
                  <a:cubicBezTo>
                    <a:pt x="2154" y="318"/>
                    <a:pt x="2160" y="338"/>
                    <a:pt x="2160" y="360"/>
                  </a:cubicBezTo>
                  <a:cubicBezTo>
                    <a:pt x="2160" y="382"/>
                    <a:pt x="2154" y="402"/>
                    <a:pt x="2143" y="420"/>
                  </a:cubicBezTo>
                  <a:cubicBezTo>
                    <a:pt x="2123" y="456"/>
                    <a:pt x="2084" y="480"/>
                    <a:pt x="2040" y="480"/>
                  </a:cubicBezTo>
                  <a:cubicBezTo>
                    <a:pt x="2040" y="480"/>
                    <a:pt x="2040" y="480"/>
                    <a:pt x="2040" y="480"/>
                  </a:cubicBezTo>
                  <a:cubicBezTo>
                    <a:pt x="1995" y="480"/>
                    <a:pt x="1957" y="504"/>
                    <a:pt x="1936" y="540"/>
                  </a:cubicBezTo>
                  <a:cubicBezTo>
                    <a:pt x="1926" y="558"/>
                    <a:pt x="1920" y="578"/>
                    <a:pt x="1920" y="600"/>
                  </a:cubicBezTo>
                  <a:cubicBezTo>
                    <a:pt x="1920" y="600"/>
                    <a:pt x="1920" y="600"/>
                    <a:pt x="1920" y="600"/>
                  </a:cubicBezTo>
                  <a:cubicBezTo>
                    <a:pt x="1853" y="600"/>
                    <a:pt x="1800" y="546"/>
                    <a:pt x="1800" y="480"/>
                  </a:cubicBezTo>
                  <a:cubicBezTo>
                    <a:pt x="1866" y="480"/>
                    <a:pt x="1920" y="426"/>
                    <a:pt x="1920" y="360"/>
                  </a:cubicBezTo>
                  <a:cubicBezTo>
                    <a:pt x="1920" y="338"/>
                    <a:pt x="1926" y="318"/>
                    <a:pt x="1936" y="300"/>
                  </a:cubicBezTo>
                  <a:cubicBezTo>
                    <a:pt x="1957" y="264"/>
                    <a:pt x="1995" y="240"/>
                    <a:pt x="2040" y="240"/>
                  </a:cubicBezTo>
                  <a:cubicBezTo>
                    <a:pt x="2084" y="240"/>
                    <a:pt x="2123" y="264"/>
                    <a:pt x="2143" y="300"/>
                  </a:cubicBezTo>
                  <a:moveTo>
                    <a:pt x="223" y="540"/>
                  </a:moveTo>
                  <a:cubicBezTo>
                    <a:pt x="234" y="558"/>
                    <a:pt x="240" y="578"/>
                    <a:pt x="240" y="600"/>
                  </a:cubicBezTo>
                  <a:cubicBezTo>
                    <a:pt x="240" y="666"/>
                    <a:pt x="186" y="720"/>
                    <a:pt x="120" y="720"/>
                  </a:cubicBezTo>
                  <a:cubicBezTo>
                    <a:pt x="53" y="720"/>
                    <a:pt x="0" y="666"/>
                    <a:pt x="0" y="600"/>
                  </a:cubicBezTo>
                  <a:cubicBezTo>
                    <a:pt x="0" y="578"/>
                    <a:pt x="6" y="558"/>
                    <a:pt x="16" y="540"/>
                  </a:cubicBezTo>
                  <a:cubicBezTo>
                    <a:pt x="37" y="504"/>
                    <a:pt x="75" y="480"/>
                    <a:pt x="120" y="480"/>
                  </a:cubicBezTo>
                  <a:cubicBezTo>
                    <a:pt x="164" y="480"/>
                    <a:pt x="203" y="504"/>
                    <a:pt x="223" y="540"/>
                  </a:cubicBezTo>
                  <a:moveTo>
                    <a:pt x="1468" y="867"/>
                  </a:moveTo>
                  <a:cubicBezTo>
                    <a:pt x="1468" y="934"/>
                    <a:pt x="1414" y="987"/>
                    <a:pt x="1348" y="987"/>
                  </a:cubicBezTo>
                  <a:cubicBezTo>
                    <a:pt x="1282" y="987"/>
                    <a:pt x="1228" y="934"/>
                    <a:pt x="1228" y="867"/>
                  </a:cubicBezTo>
                  <a:cubicBezTo>
                    <a:pt x="1228" y="801"/>
                    <a:pt x="1282" y="747"/>
                    <a:pt x="1348" y="747"/>
                  </a:cubicBezTo>
                  <a:cubicBezTo>
                    <a:pt x="1414" y="747"/>
                    <a:pt x="1468" y="801"/>
                    <a:pt x="1468" y="867"/>
                  </a:cubicBezTo>
                </a:path>
              </a:pathLst>
            </a:custGeom>
            <a:solidFill>
              <a:schemeClr val="tx1"/>
            </a:solidFill>
            <a:ln w="1588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19" name="Spacers"/>
          <p:cNvGrpSpPr/>
          <p:nvPr userDrawn="1"/>
        </p:nvGrpSpPr>
        <p:grpSpPr>
          <a:xfrm>
            <a:off x="-2393300" y="0"/>
            <a:ext cx="15480256" cy="0"/>
            <a:chOff x="-2393300" y="108223"/>
            <a:chExt cx="15480256" cy="0"/>
          </a:xfrm>
        </p:grpSpPr>
        <p:cxnSp>
          <p:nvCxnSpPr>
            <p:cNvPr id="20" name="Left"/>
            <p:cNvCxnSpPr/>
            <p:nvPr userDrawn="1"/>
          </p:nvCxnSpPr>
          <p:spPr>
            <a:xfrm>
              <a:off x="-23933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Right"/>
            <p:cNvCxnSpPr/>
            <p:nvPr userDrawn="1"/>
          </p:nvCxnSpPr>
          <p:spPr>
            <a:xfrm>
              <a:off x="107827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36" name="Subtitle 2"/>
          <p:cNvSpPr>
            <a:spLocks noGrp="1"/>
          </p:cNvSpPr>
          <p:nvPr>
            <p:ph type="body" sz="quarter" idx="11" hasCustomPrompt="1"/>
          </p:nvPr>
        </p:nvSpPr>
        <p:spPr>
          <a:xfrm>
            <a:off x="468700" y="3600337"/>
            <a:ext cx="9756000" cy="296876"/>
          </a:xfrm>
          <a:prstGeom prst="rect">
            <a:avLst/>
          </a:prstGeom>
        </p:spPr>
        <p:txBody>
          <a:bodyPr anchor="t"/>
          <a:lstStyle>
            <a:lvl1pPr algn="ctr">
              <a:defRPr sz="2000">
                <a:solidFill>
                  <a:schemeClr val="accent2"/>
                </a:solidFill>
                <a:latin typeface="Source Sans Pro" panose="020B0503030403020204" pitchFamily="34" charset="0"/>
              </a:defRPr>
            </a:lvl1pPr>
          </a:lstStyle>
          <a:p>
            <a:pPr lvl="0"/>
            <a:r>
              <a:rPr lang="en-US"/>
              <a:t>Click to add section sub-title</a:t>
            </a:r>
          </a:p>
        </p:txBody>
      </p:sp>
      <p:grpSp>
        <p:nvGrpSpPr>
          <p:cNvPr id="14" name="Guidance">
            <a:extLst>
              <a:ext uri="{FF2B5EF4-FFF2-40B4-BE49-F238E27FC236}">
                <a16:creationId xmlns:a16="http://schemas.microsoft.com/office/drawing/2014/main" id="{8EF7F948-1DE8-4EF0-8DBC-0A737F745FDD}"/>
              </a:ext>
            </a:extLst>
          </p:cNvPr>
          <p:cNvGrpSpPr/>
          <p:nvPr userDrawn="1"/>
        </p:nvGrpSpPr>
        <p:grpSpPr>
          <a:xfrm>
            <a:off x="-1638077" y="3600337"/>
            <a:ext cx="1519514" cy="338554"/>
            <a:chOff x="-1638077" y="426122"/>
            <a:chExt cx="1519514" cy="338554"/>
          </a:xfrm>
        </p:grpSpPr>
        <p:cxnSp>
          <p:nvCxnSpPr>
            <p:cNvPr id="15" name="Guidance Arrow 1">
              <a:extLst>
                <a:ext uri="{FF2B5EF4-FFF2-40B4-BE49-F238E27FC236}">
                  <a16:creationId xmlns:a16="http://schemas.microsoft.com/office/drawing/2014/main" id="{5E03125F-6345-43C3-B8A5-FCA88284CA88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" name="Guidance Text 1">
              <a:extLst>
                <a:ext uri="{FF2B5EF4-FFF2-40B4-BE49-F238E27FC236}">
                  <a16:creationId xmlns:a16="http://schemas.microsoft.com/office/drawing/2014/main" id="{64A90252-9B69-4D5B-88DC-46207B3A01F8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  <p:sp>
        <p:nvSpPr>
          <p:cNvPr id="18" name="Text Placeholder 3" descr="AGENDASHAPE"/>
          <p:cNvSpPr>
            <a:spLocks noGrp="1"/>
          </p:cNvSpPr>
          <p:nvPr>
            <p:ph type="body" sz="quarter" idx="12" hasCustomPrompt="1"/>
          </p:nvPr>
        </p:nvSpPr>
        <p:spPr>
          <a:xfrm>
            <a:off x="468700" y="3150599"/>
            <a:ext cx="9756000" cy="342000"/>
          </a:xfrm>
        </p:spPr>
        <p:txBody>
          <a:bodyPr anchor="b" anchorCtr="0"/>
          <a:lstStyle>
            <a:lvl1pPr algn="ctr">
              <a:defRPr lang="en-US" sz="2400" i="0" kern="1200" baseline="0" dirty="0" smtClean="0">
                <a:solidFill>
                  <a:schemeClr val="tx1"/>
                </a:solidFill>
                <a:latin typeface="Source Sans Pro Semibold" panose="020B0603030403020204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8078788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Objects,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5418000" y="1368000"/>
            <a:ext cx="4842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4842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414000"/>
            <a:ext cx="8100000" cy="1908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2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622800"/>
            <a:ext cx="8100000" cy="313555"/>
          </a:xfrm>
        </p:spPr>
        <p:txBody>
          <a:bodyPr/>
          <a:lstStyle/>
          <a:p>
            <a:r>
              <a:rPr lang="en-US"/>
              <a:t>Click to add page title</a:t>
            </a:r>
          </a:p>
        </p:txBody>
      </p:sp>
      <p:grpSp>
        <p:nvGrpSpPr>
          <p:cNvPr id="12" name="Guidance">
            <a:extLst>
              <a:ext uri="{FF2B5EF4-FFF2-40B4-BE49-F238E27FC236}">
                <a16:creationId xmlns:a16="http://schemas.microsoft.com/office/drawing/2014/main" id="{E1B386DF-12E3-49DC-BF23-29E178F71BD9}"/>
              </a:ext>
            </a:extLst>
          </p:cNvPr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3" name="Guidance Arrow 1">
              <a:extLst>
                <a:ext uri="{FF2B5EF4-FFF2-40B4-BE49-F238E27FC236}">
                  <a16:creationId xmlns:a16="http://schemas.microsoft.com/office/drawing/2014/main" id="{ADD73A6D-D524-46FB-AC5B-131A3E56DAC2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Guidance Text 1">
              <a:extLst>
                <a:ext uri="{FF2B5EF4-FFF2-40B4-BE49-F238E27FC236}">
                  <a16:creationId xmlns:a16="http://schemas.microsoft.com/office/drawing/2014/main" id="{49D83828-7534-4F9F-A5DB-BF53B72B8E65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01002406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Right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7776000" y="1368000"/>
            <a:ext cx="2484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7200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414000"/>
            <a:ext cx="8100000" cy="1908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2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622800"/>
            <a:ext cx="8100000" cy="313555"/>
          </a:xfrm>
        </p:spPr>
        <p:txBody>
          <a:bodyPr/>
          <a:lstStyle/>
          <a:p>
            <a:r>
              <a:rPr lang="en-US"/>
              <a:t>Click to add page title</a:t>
            </a:r>
          </a:p>
        </p:txBody>
      </p:sp>
      <p:grpSp>
        <p:nvGrpSpPr>
          <p:cNvPr id="12" name="Guidance">
            <a:extLst>
              <a:ext uri="{FF2B5EF4-FFF2-40B4-BE49-F238E27FC236}">
                <a16:creationId xmlns:a16="http://schemas.microsoft.com/office/drawing/2014/main" id="{2FF8AE31-439F-4826-8BC7-6B239BDA29EF}"/>
              </a:ext>
            </a:extLst>
          </p:cNvPr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3" name="Guidance Arrow 1">
              <a:extLst>
                <a:ext uri="{FF2B5EF4-FFF2-40B4-BE49-F238E27FC236}">
                  <a16:creationId xmlns:a16="http://schemas.microsoft.com/office/drawing/2014/main" id="{537BCDF6-96B6-470B-B634-C96E5FDC2982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Guidance Text 1">
              <a:extLst>
                <a:ext uri="{FF2B5EF4-FFF2-40B4-BE49-F238E27FC236}">
                  <a16:creationId xmlns:a16="http://schemas.microsoft.com/office/drawing/2014/main" id="{5627506F-ED82-41CC-B695-CD62CB3D6EDE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1162282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Left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3060000" y="1368000"/>
            <a:ext cx="7200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2484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414000"/>
            <a:ext cx="8100000" cy="1908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2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622800"/>
            <a:ext cx="8100000" cy="313555"/>
          </a:xfrm>
        </p:spPr>
        <p:txBody>
          <a:bodyPr/>
          <a:lstStyle/>
          <a:p>
            <a:r>
              <a:rPr lang="en-US"/>
              <a:t>Click to add page title</a:t>
            </a:r>
          </a:p>
        </p:txBody>
      </p:sp>
      <p:grpSp>
        <p:nvGrpSpPr>
          <p:cNvPr id="12" name="Guidance">
            <a:extLst>
              <a:ext uri="{FF2B5EF4-FFF2-40B4-BE49-F238E27FC236}">
                <a16:creationId xmlns:a16="http://schemas.microsoft.com/office/drawing/2014/main" id="{7FBAA12D-292A-4B80-A455-334378A4C6F5}"/>
              </a:ext>
            </a:extLst>
          </p:cNvPr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3" name="Guidance Arrow 1">
              <a:extLst>
                <a:ext uri="{FF2B5EF4-FFF2-40B4-BE49-F238E27FC236}">
                  <a16:creationId xmlns:a16="http://schemas.microsoft.com/office/drawing/2014/main" id="{5122AEFC-AFCD-4C20-80A1-B303F173282D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Guidance Text 1">
              <a:extLst>
                <a:ext uri="{FF2B5EF4-FFF2-40B4-BE49-F238E27FC236}">
                  <a16:creationId xmlns:a16="http://schemas.microsoft.com/office/drawing/2014/main" id="{327AE324-3A9E-45A7-BA79-5D583C27640A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858108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Quarter Objec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Content Placeholder 4"/>
          <p:cNvSpPr>
            <a:spLocks noGrp="1"/>
          </p:cNvSpPr>
          <p:nvPr>
            <p:ph sz="quarter" idx="15" hasCustomPrompt="1"/>
          </p:nvPr>
        </p:nvSpPr>
        <p:spPr>
          <a:xfrm>
            <a:off x="5418000" y="4320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432000" y="4320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sz="quarter" idx="14" hasCustomPrompt="1"/>
          </p:nvPr>
        </p:nvSpPr>
        <p:spPr>
          <a:xfrm>
            <a:off x="5418000" y="1368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414000"/>
            <a:ext cx="8100000" cy="1908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2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622800"/>
            <a:ext cx="8100000" cy="313555"/>
          </a:xfrm>
        </p:spPr>
        <p:txBody>
          <a:bodyPr/>
          <a:lstStyle/>
          <a:p>
            <a:r>
              <a:rPr lang="en-US"/>
              <a:t>Click to add page title</a:t>
            </a:r>
          </a:p>
        </p:txBody>
      </p:sp>
      <p:grpSp>
        <p:nvGrpSpPr>
          <p:cNvPr id="13" name="Guidance">
            <a:extLst>
              <a:ext uri="{FF2B5EF4-FFF2-40B4-BE49-F238E27FC236}">
                <a16:creationId xmlns:a16="http://schemas.microsoft.com/office/drawing/2014/main" id="{2B442F4C-E2C0-49E1-BABB-EA4E3D8EA964}"/>
              </a:ext>
            </a:extLst>
          </p:cNvPr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8" name="Guidance Arrow 1">
              <a:extLst>
                <a:ext uri="{FF2B5EF4-FFF2-40B4-BE49-F238E27FC236}">
                  <a16:creationId xmlns:a16="http://schemas.microsoft.com/office/drawing/2014/main" id="{108E2A8B-80C5-484C-A7A1-1E27F5237BA3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Guidance Text 1">
              <a:extLst>
                <a:ext uri="{FF2B5EF4-FFF2-40B4-BE49-F238E27FC236}">
                  <a16:creationId xmlns:a16="http://schemas.microsoft.com/office/drawing/2014/main" id="{5111D2BE-9025-4A9C-B025-A6A6E2C7BC4F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06706908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Objects Left, One Object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5418000" y="1368000"/>
            <a:ext cx="4842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2000" y="4320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4842000" cy="280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414000"/>
            <a:ext cx="8100000" cy="1908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2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622800"/>
            <a:ext cx="8100000" cy="313555"/>
          </a:xfrm>
        </p:spPr>
        <p:txBody>
          <a:bodyPr/>
          <a:lstStyle/>
          <a:p>
            <a:r>
              <a:rPr lang="en-US"/>
              <a:t>Click to add page title</a:t>
            </a:r>
          </a:p>
        </p:txBody>
      </p:sp>
      <p:grpSp>
        <p:nvGrpSpPr>
          <p:cNvPr id="12" name="Guidance">
            <a:extLst>
              <a:ext uri="{FF2B5EF4-FFF2-40B4-BE49-F238E27FC236}">
                <a16:creationId xmlns:a16="http://schemas.microsoft.com/office/drawing/2014/main" id="{E2354F8A-118E-41EC-AABA-C58C8AE978E8}"/>
              </a:ext>
            </a:extLst>
          </p:cNvPr>
          <p:cNvGrpSpPr/>
          <p:nvPr userDrawn="1"/>
        </p:nvGrpSpPr>
        <p:grpSpPr>
          <a:xfrm>
            <a:off x="-1638077" y="345733"/>
            <a:ext cx="1519514" cy="338554"/>
            <a:chOff x="-1638077" y="426122"/>
            <a:chExt cx="1519514" cy="338554"/>
          </a:xfrm>
        </p:grpSpPr>
        <p:cxnSp>
          <p:nvCxnSpPr>
            <p:cNvPr id="13" name="Guidance Arrow 1">
              <a:extLst>
                <a:ext uri="{FF2B5EF4-FFF2-40B4-BE49-F238E27FC236}">
                  <a16:creationId xmlns:a16="http://schemas.microsoft.com/office/drawing/2014/main" id="{75D0813D-93AD-4D6A-8FE4-0DD8894504B0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Guidance Text 1">
              <a:extLst>
                <a:ext uri="{FF2B5EF4-FFF2-40B4-BE49-F238E27FC236}">
                  <a16:creationId xmlns:a16="http://schemas.microsoft.com/office/drawing/2014/main" id="{F8741966-0CCE-4226-AF02-3364DDDC3D23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38554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</a:br>
              <a:r>
                <a:rPr lang="en-US" sz="1100" b="0" i="1">
                  <a:solidFill>
                    <a:schemeClr val="tx2"/>
                  </a:solidFill>
                  <a:latin typeface="Source Sans Pro Light" panose="020B04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8075414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6" name="Title Placeholder 1"/>
          <p:cNvSpPr>
            <a:spLocks noGrp="1"/>
          </p:cNvSpPr>
          <p:nvPr>
            <p:ph type="title"/>
          </p:nvPr>
        </p:nvSpPr>
        <p:spPr>
          <a:xfrm>
            <a:off x="432000" y="622800"/>
            <a:ext cx="8100000" cy="313555"/>
          </a:xfrm>
          <a:prstGeom prst="rect">
            <a:avLst/>
          </a:prstGeom>
        </p:spPr>
        <p:txBody>
          <a:bodyPr vert="horz" wrap="none" lIns="0" tIns="0" rIns="0" bIns="0" rtlCol="0" anchor="t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27" name="Page number"/>
          <p:cNvSpPr txBox="1"/>
          <p:nvPr userDrawn="1"/>
        </p:nvSpPr>
        <p:spPr>
          <a:xfrm>
            <a:off x="9719999" y="7296778"/>
            <a:ext cx="540001" cy="9697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8pPr marL="0" lvl="7" algn="r" defTabSz="1007943">
              <a:lnSpc>
                <a:spcPct val="90000"/>
              </a:lnSpc>
              <a:spcBef>
                <a:spcPts val="551"/>
              </a:spcBef>
              <a:defRPr sz="700" baseline="0"/>
            </a:lvl8pPr>
          </a:lstStyle>
          <a:p>
            <a:pPr lvl="7" algn="r">
              <a:buFontTx/>
              <a:buNone/>
            </a:pPr>
            <a:fld id="{E32D2109-785C-40A3-A389-1D12210AA4F1}" type="slidenum">
              <a:rPr lang="en-US" sz="800" i="0">
                <a:solidFill>
                  <a:schemeClr val="tx1"/>
                </a:solidFill>
                <a:latin typeface="Source Sans Pro" panose="020B0503030403020204" pitchFamily="34" charset="0"/>
              </a:rPr>
              <a:pPr lvl="7" algn="r">
                <a:buFontTx/>
                <a:buNone/>
              </a:pPr>
              <a:t>‹#›</a:t>
            </a:fld>
            <a:endParaRPr lang="en-US" sz="800" i="0">
              <a:solidFill>
                <a:schemeClr val="tx1"/>
              </a:solidFill>
              <a:latin typeface="Source Sans Pro" panose="020B0503030403020204" pitchFamily="34" charset="0"/>
            </a:endParaRPr>
          </a:p>
        </p:txBody>
      </p:sp>
      <p:sp>
        <p:nvSpPr>
          <p:cNvPr id="126" name="Confidentiality"/>
          <p:cNvSpPr txBox="1"/>
          <p:nvPr userDrawn="1"/>
        </p:nvSpPr>
        <p:spPr>
          <a:xfrm>
            <a:off x="1818308" y="7296778"/>
            <a:ext cx="7056784" cy="9697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8pPr marL="0" lvl="7" algn="r" defTabSz="1007943">
              <a:lnSpc>
                <a:spcPct val="90000"/>
              </a:lnSpc>
              <a:spcBef>
                <a:spcPts val="551"/>
              </a:spcBef>
              <a:defRPr sz="700" baseline="0"/>
            </a:lvl8pPr>
          </a:lstStyle>
          <a:p>
            <a:pPr lvl="7" algn="ctr">
              <a:buFontTx/>
              <a:buNone/>
            </a:pPr>
            <a:r>
              <a:rPr lang="en-US" sz="800" i="0">
                <a:solidFill>
                  <a:schemeClr val="tx1"/>
                </a:solidFill>
                <a:latin typeface="Source Sans Pro" panose="020B0503030403020204" pitchFamily="34" charset="0"/>
              </a:rPr>
              <a:t>© Copyright 2017 ION Trading UK Limited – Internal</a:t>
            </a:r>
          </a:p>
        </p:txBody>
      </p:sp>
      <p:sp>
        <p:nvSpPr>
          <p:cNvPr id="2" name="Main Text Placeholder"/>
          <p:cNvSpPr>
            <a:spLocks noGrp="1"/>
          </p:cNvSpPr>
          <p:nvPr userDrawn="1">
            <p:ph type="body" idx="1"/>
          </p:nvPr>
        </p:nvSpPr>
        <p:spPr>
          <a:xfrm>
            <a:off x="432000" y="1369263"/>
            <a:ext cx="9828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grpSp>
        <p:nvGrpSpPr>
          <p:cNvPr id="33" name="ION logo">
            <a:extLst>
              <a:ext uri="{FF2B5EF4-FFF2-40B4-BE49-F238E27FC236}">
                <a16:creationId xmlns:a16="http://schemas.microsoft.com/office/drawing/2014/main" id="{015194C3-2D45-4C16-8B57-F99C92CE831E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176028" y="324000"/>
            <a:ext cx="1299600" cy="661049"/>
            <a:chOff x="3787776" y="2987675"/>
            <a:chExt cx="3117850" cy="1585913"/>
          </a:xfrm>
          <a:solidFill>
            <a:schemeClr val="accent3">
              <a:alpha val="50196"/>
            </a:schemeClr>
          </a:solidFill>
        </p:grpSpPr>
        <p:sp>
          <p:nvSpPr>
            <p:cNvPr id="35" name="Protons">
              <a:extLst>
                <a:ext uri="{FF2B5EF4-FFF2-40B4-BE49-F238E27FC236}">
                  <a16:creationId xmlns:a16="http://schemas.microsoft.com/office/drawing/2014/main" id="{E25ED98C-5AEA-43B1-A238-78C29485CDF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787776" y="2987675"/>
              <a:ext cx="2597150" cy="1296987"/>
            </a:xfrm>
            <a:custGeom>
              <a:avLst/>
              <a:gdLst>
                <a:gd name="T0" fmla="*/ 463 w 2400"/>
                <a:gd name="T1" fmla="*/ 900 h 1200"/>
                <a:gd name="T2" fmla="*/ 480 w 2400"/>
                <a:gd name="T3" fmla="*/ 960 h 1200"/>
                <a:gd name="T4" fmla="*/ 463 w 2400"/>
                <a:gd name="T5" fmla="*/ 1020 h 1200"/>
                <a:gd name="T6" fmla="*/ 360 w 2400"/>
                <a:gd name="T7" fmla="*/ 960 h 1200"/>
                <a:gd name="T8" fmla="*/ 463 w 2400"/>
                <a:gd name="T9" fmla="*/ 900 h 1200"/>
                <a:gd name="T10" fmla="*/ 256 w 2400"/>
                <a:gd name="T11" fmla="*/ 900 h 1200"/>
                <a:gd name="T12" fmla="*/ 240 w 2400"/>
                <a:gd name="T13" fmla="*/ 960 h 1200"/>
                <a:gd name="T14" fmla="*/ 256 w 2400"/>
                <a:gd name="T15" fmla="*/ 1020 h 1200"/>
                <a:gd name="T16" fmla="*/ 360 w 2400"/>
                <a:gd name="T17" fmla="*/ 960 h 1200"/>
                <a:gd name="T18" fmla="*/ 256 w 2400"/>
                <a:gd name="T19" fmla="*/ 900 h 1200"/>
                <a:gd name="T20" fmla="*/ 2160 w 2400"/>
                <a:gd name="T21" fmla="*/ 840 h 1200"/>
                <a:gd name="T22" fmla="*/ 2040 w 2400"/>
                <a:gd name="T23" fmla="*/ 720 h 1200"/>
                <a:gd name="T24" fmla="*/ 2040 w 2400"/>
                <a:gd name="T25" fmla="*/ 720 h 1200"/>
                <a:gd name="T26" fmla="*/ 1920 w 2400"/>
                <a:gd name="T27" fmla="*/ 840 h 1200"/>
                <a:gd name="T28" fmla="*/ 2040 w 2400"/>
                <a:gd name="T29" fmla="*/ 960 h 1200"/>
                <a:gd name="T30" fmla="*/ 2160 w 2400"/>
                <a:gd name="T31" fmla="*/ 840 h 1200"/>
                <a:gd name="T32" fmla="*/ 2383 w 2400"/>
                <a:gd name="T33" fmla="*/ 1020 h 1200"/>
                <a:gd name="T34" fmla="*/ 2280 w 2400"/>
                <a:gd name="T35" fmla="*/ 960 h 1200"/>
                <a:gd name="T36" fmla="*/ 2280 w 2400"/>
                <a:gd name="T37" fmla="*/ 960 h 1200"/>
                <a:gd name="T38" fmla="*/ 2176 w 2400"/>
                <a:gd name="T39" fmla="*/ 1020 h 1200"/>
                <a:gd name="T40" fmla="*/ 2160 w 2400"/>
                <a:gd name="T41" fmla="*/ 1080 h 1200"/>
                <a:gd name="T42" fmla="*/ 2160 w 2400"/>
                <a:gd name="T43" fmla="*/ 1080 h 1200"/>
                <a:gd name="T44" fmla="*/ 2280 w 2400"/>
                <a:gd name="T45" fmla="*/ 1200 h 1200"/>
                <a:gd name="T46" fmla="*/ 2400 w 2400"/>
                <a:gd name="T47" fmla="*/ 1080 h 1200"/>
                <a:gd name="T48" fmla="*/ 2383 w 2400"/>
                <a:gd name="T49" fmla="*/ 1020 h 1200"/>
                <a:gd name="T50" fmla="*/ 120 w 2400"/>
                <a:gd name="T51" fmla="*/ 0 h 1200"/>
                <a:gd name="T52" fmla="*/ 0 w 2400"/>
                <a:gd name="T53" fmla="*/ 120 h 1200"/>
                <a:gd name="T54" fmla="*/ 120 w 2400"/>
                <a:gd name="T55" fmla="*/ 240 h 1200"/>
                <a:gd name="T56" fmla="*/ 240 w 2400"/>
                <a:gd name="T57" fmla="*/ 120 h 1200"/>
                <a:gd name="T58" fmla="*/ 120 w 2400"/>
                <a:gd name="T59" fmla="*/ 0 h 12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2400" h="1200">
                  <a:moveTo>
                    <a:pt x="463" y="900"/>
                  </a:moveTo>
                  <a:cubicBezTo>
                    <a:pt x="474" y="918"/>
                    <a:pt x="480" y="938"/>
                    <a:pt x="480" y="960"/>
                  </a:cubicBezTo>
                  <a:cubicBezTo>
                    <a:pt x="480" y="982"/>
                    <a:pt x="474" y="1002"/>
                    <a:pt x="463" y="1020"/>
                  </a:cubicBezTo>
                  <a:cubicBezTo>
                    <a:pt x="443" y="984"/>
                    <a:pt x="404" y="960"/>
                    <a:pt x="360" y="960"/>
                  </a:cubicBezTo>
                  <a:cubicBezTo>
                    <a:pt x="404" y="960"/>
                    <a:pt x="443" y="936"/>
                    <a:pt x="463" y="900"/>
                  </a:cubicBezTo>
                  <a:moveTo>
                    <a:pt x="256" y="900"/>
                  </a:moveTo>
                  <a:cubicBezTo>
                    <a:pt x="246" y="918"/>
                    <a:pt x="240" y="938"/>
                    <a:pt x="240" y="960"/>
                  </a:cubicBezTo>
                  <a:cubicBezTo>
                    <a:pt x="240" y="982"/>
                    <a:pt x="246" y="1002"/>
                    <a:pt x="256" y="1020"/>
                  </a:cubicBezTo>
                  <a:cubicBezTo>
                    <a:pt x="277" y="984"/>
                    <a:pt x="315" y="960"/>
                    <a:pt x="360" y="960"/>
                  </a:cubicBezTo>
                  <a:cubicBezTo>
                    <a:pt x="315" y="960"/>
                    <a:pt x="277" y="936"/>
                    <a:pt x="256" y="900"/>
                  </a:cubicBezTo>
                  <a:moveTo>
                    <a:pt x="2160" y="840"/>
                  </a:moveTo>
                  <a:cubicBezTo>
                    <a:pt x="2160" y="774"/>
                    <a:pt x="2106" y="720"/>
                    <a:pt x="2040" y="720"/>
                  </a:cubicBezTo>
                  <a:cubicBezTo>
                    <a:pt x="2040" y="720"/>
                    <a:pt x="2040" y="720"/>
                    <a:pt x="2040" y="720"/>
                  </a:cubicBezTo>
                  <a:cubicBezTo>
                    <a:pt x="1973" y="720"/>
                    <a:pt x="1920" y="774"/>
                    <a:pt x="1920" y="840"/>
                  </a:cubicBezTo>
                  <a:cubicBezTo>
                    <a:pt x="1920" y="906"/>
                    <a:pt x="1973" y="960"/>
                    <a:pt x="2040" y="960"/>
                  </a:cubicBezTo>
                  <a:cubicBezTo>
                    <a:pt x="2106" y="960"/>
                    <a:pt x="2160" y="906"/>
                    <a:pt x="2160" y="840"/>
                  </a:cubicBezTo>
                  <a:close/>
                  <a:moveTo>
                    <a:pt x="2383" y="1020"/>
                  </a:moveTo>
                  <a:cubicBezTo>
                    <a:pt x="2363" y="984"/>
                    <a:pt x="2324" y="960"/>
                    <a:pt x="2280" y="960"/>
                  </a:cubicBezTo>
                  <a:cubicBezTo>
                    <a:pt x="2280" y="960"/>
                    <a:pt x="2280" y="960"/>
                    <a:pt x="2280" y="960"/>
                  </a:cubicBezTo>
                  <a:cubicBezTo>
                    <a:pt x="2235" y="960"/>
                    <a:pt x="2197" y="984"/>
                    <a:pt x="2176" y="1020"/>
                  </a:cubicBezTo>
                  <a:cubicBezTo>
                    <a:pt x="2166" y="1038"/>
                    <a:pt x="2160" y="1058"/>
                    <a:pt x="2160" y="1080"/>
                  </a:cubicBezTo>
                  <a:cubicBezTo>
                    <a:pt x="2160" y="1080"/>
                    <a:pt x="2160" y="1080"/>
                    <a:pt x="2160" y="1080"/>
                  </a:cubicBezTo>
                  <a:cubicBezTo>
                    <a:pt x="2160" y="1146"/>
                    <a:pt x="2213" y="1200"/>
                    <a:pt x="2280" y="1200"/>
                  </a:cubicBezTo>
                  <a:cubicBezTo>
                    <a:pt x="2346" y="1200"/>
                    <a:pt x="2400" y="1146"/>
                    <a:pt x="2400" y="1080"/>
                  </a:cubicBezTo>
                  <a:cubicBezTo>
                    <a:pt x="2400" y="1058"/>
                    <a:pt x="2394" y="1038"/>
                    <a:pt x="2383" y="1020"/>
                  </a:cubicBezTo>
                  <a:moveTo>
                    <a:pt x="120" y="0"/>
                  </a:moveTo>
                  <a:cubicBezTo>
                    <a:pt x="53" y="0"/>
                    <a:pt x="0" y="54"/>
                    <a:pt x="0" y="120"/>
                  </a:cubicBezTo>
                  <a:cubicBezTo>
                    <a:pt x="0" y="186"/>
                    <a:pt x="53" y="240"/>
                    <a:pt x="120" y="240"/>
                  </a:cubicBezTo>
                  <a:cubicBezTo>
                    <a:pt x="186" y="240"/>
                    <a:pt x="240" y="186"/>
                    <a:pt x="240" y="120"/>
                  </a:cubicBezTo>
                  <a:cubicBezTo>
                    <a:pt x="240" y="54"/>
                    <a:pt x="186" y="0"/>
                    <a:pt x="120" y="0"/>
                  </a:cubicBezTo>
                </a:path>
              </a:pathLst>
            </a:custGeom>
            <a:solidFill>
              <a:schemeClr val="accent3"/>
            </a:solidFill>
            <a:ln w="1588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6" name="Electrons">
              <a:extLst>
                <a:ext uri="{FF2B5EF4-FFF2-40B4-BE49-F238E27FC236}">
                  <a16:creationId xmlns:a16="http://schemas.microsoft.com/office/drawing/2014/main" id="{A837DD88-7C98-4188-8EF8-A3505C219B6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046538" y="3246438"/>
              <a:ext cx="2859088" cy="1038225"/>
            </a:xfrm>
            <a:custGeom>
              <a:avLst/>
              <a:gdLst>
                <a:gd name="T0" fmla="*/ 2143 w 2640"/>
                <a:gd name="T1" fmla="*/ 660 h 960"/>
                <a:gd name="T2" fmla="*/ 2160 w 2640"/>
                <a:gd name="T3" fmla="*/ 720 h 960"/>
                <a:gd name="T4" fmla="*/ 2143 w 2640"/>
                <a:gd name="T5" fmla="*/ 780 h 960"/>
                <a:gd name="T6" fmla="*/ 2040 w 2640"/>
                <a:gd name="T7" fmla="*/ 720 h 960"/>
                <a:gd name="T8" fmla="*/ 2143 w 2640"/>
                <a:gd name="T9" fmla="*/ 660 h 960"/>
                <a:gd name="T10" fmla="*/ 1936 w 2640"/>
                <a:gd name="T11" fmla="*/ 420 h 960"/>
                <a:gd name="T12" fmla="*/ 1920 w 2640"/>
                <a:gd name="T13" fmla="*/ 480 h 960"/>
                <a:gd name="T14" fmla="*/ 1936 w 2640"/>
                <a:gd name="T15" fmla="*/ 540 h 960"/>
                <a:gd name="T16" fmla="*/ 2040 w 2640"/>
                <a:gd name="T17" fmla="*/ 480 h 960"/>
                <a:gd name="T18" fmla="*/ 1936 w 2640"/>
                <a:gd name="T19" fmla="*/ 420 h 960"/>
                <a:gd name="T20" fmla="*/ 2040 w 2640"/>
                <a:gd name="T21" fmla="*/ 480 h 960"/>
                <a:gd name="T22" fmla="*/ 2143 w 2640"/>
                <a:gd name="T23" fmla="*/ 540 h 960"/>
                <a:gd name="T24" fmla="*/ 2160 w 2640"/>
                <a:gd name="T25" fmla="*/ 480 h 960"/>
                <a:gd name="T26" fmla="*/ 2143 w 2640"/>
                <a:gd name="T27" fmla="*/ 420 h 960"/>
                <a:gd name="T28" fmla="*/ 2040 w 2640"/>
                <a:gd name="T29" fmla="*/ 480 h 960"/>
                <a:gd name="T30" fmla="*/ 120 w 2640"/>
                <a:gd name="T31" fmla="*/ 480 h 960"/>
                <a:gd name="T32" fmla="*/ 0 w 2640"/>
                <a:gd name="T33" fmla="*/ 600 h 960"/>
                <a:gd name="T34" fmla="*/ 16 w 2640"/>
                <a:gd name="T35" fmla="*/ 660 h 960"/>
                <a:gd name="T36" fmla="*/ 120 w 2640"/>
                <a:gd name="T37" fmla="*/ 720 h 960"/>
                <a:gd name="T38" fmla="*/ 223 w 2640"/>
                <a:gd name="T39" fmla="*/ 660 h 960"/>
                <a:gd name="T40" fmla="*/ 240 w 2640"/>
                <a:gd name="T41" fmla="*/ 600 h 960"/>
                <a:gd name="T42" fmla="*/ 120 w 2640"/>
                <a:gd name="T43" fmla="*/ 480 h 960"/>
                <a:gd name="T44" fmla="*/ 1560 w 2640"/>
                <a:gd name="T45" fmla="*/ 480 h 960"/>
                <a:gd name="T46" fmla="*/ 1440 w 2640"/>
                <a:gd name="T47" fmla="*/ 600 h 960"/>
                <a:gd name="T48" fmla="*/ 1456 w 2640"/>
                <a:gd name="T49" fmla="*/ 660 h 960"/>
                <a:gd name="T50" fmla="*/ 1440 w 2640"/>
                <a:gd name="T51" fmla="*/ 720 h 960"/>
                <a:gd name="T52" fmla="*/ 1456 w 2640"/>
                <a:gd name="T53" fmla="*/ 780 h 960"/>
                <a:gd name="T54" fmla="*/ 1440 w 2640"/>
                <a:gd name="T55" fmla="*/ 840 h 960"/>
                <a:gd name="T56" fmla="*/ 1560 w 2640"/>
                <a:gd name="T57" fmla="*/ 960 h 960"/>
                <a:gd name="T58" fmla="*/ 1680 w 2640"/>
                <a:gd name="T59" fmla="*/ 840 h 960"/>
                <a:gd name="T60" fmla="*/ 1663 w 2640"/>
                <a:gd name="T61" fmla="*/ 780 h 960"/>
                <a:gd name="T62" fmla="*/ 1680 w 2640"/>
                <a:gd name="T63" fmla="*/ 720 h 960"/>
                <a:gd name="T64" fmla="*/ 1663 w 2640"/>
                <a:gd name="T65" fmla="*/ 660 h 960"/>
                <a:gd name="T66" fmla="*/ 1680 w 2640"/>
                <a:gd name="T67" fmla="*/ 600 h 960"/>
                <a:gd name="T68" fmla="*/ 1560 w 2640"/>
                <a:gd name="T69" fmla="*/ 480 h 960"/>
                <a:gd name="T70" fmla="*/ 2520 w 2640"/>
                <a:gd name="T71" fmla="*/ 0 h 960"/>
                <a:gd name="T72" fmla="*/ 2400 w 2640"/>
                <a:gd name="T73" fmla="*/ 120 h 960"/>
                <a:gd name="T74" fmla="*/ 2520 w 2640"/>
                <a:gd name="T75" fmla="*/ 240 h 960"/>
                <a:gd name="T76" fmla="*/ 2640 w 2640"/>
                <a:gd name="T77" fmla="*/ 120 h 960"/>
                <a:gd name="T78" fmla="*/ 2520 w 2640"/>
                <a:gd name="T79" fmla="*/ 0 h 9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</a:cxnLst>
              <a:rect l="0" t="0" r="r" b="b"/>
              <a:pathLst>
                <a:path w="2640" h="960">
                  <a:moveTo>
                    <a:pt x="2143" y="660"/>
                  </a:moveTo>
                  <a:cubicBezTo>
                    <a:pt x="2154" y="678"/>
                    <a:pt x="2160" y="698"/>
                    <a:pt x="2160" y="720"/>
                  </a:cubicBezTo>
                  <a:cubicBezTo>
                    <a:pt x="2160" y="742"/>
                    <a:pt x="2154" y="762"/>
                    <a:pt x="2143" y="780"/>
                  </a:cubicBezTo>
                  <a:cubicBezTo>
                    <a:pt x="2123" y="744"/>
                    <a:pt x="2084" y="720"/>
                    <a:pt x="2040" y="720"/>
                  </a:cubicBezTo>
                  <a:cubicBezTo>
                    <a:pt x="2084" y="720"/>
                    <a:pt x="2123" y="696"/>
                    <a:pt x="2143" y="660"/>
                  </a:cubicBezTo>
                  <a:moveTo>
                    <a:pt x="1936" y="420"/>
                  </a:moveTo>
                  <a:cubicBezTo>
                    <a:pt x="1926" y="438"/>
                    <a:pt x="1920" y="458"/>
                    <a:pt x="1920" y="480"/>
                  </a:cubicBezTo>
                  <a:cubicBezTo>
                    <a:pt x="1920" y="502"/>
                    <a:pt x="1926" y="522"/>
                    <a:pt x="1936" y="540"/>
                  </a:cubicBezTo>
                  <a:cubicBezTo>
                    <a:pt x="1957" y="504"/>
                    <a:pt x="1995" y="480"/>
                    <a:pt x="2040" y="480"/>
                  </a:cubicBezTo>
                  <a:cubicBezTo>
                    <a:pt x="1995" y="480"/>
                    <a:pt x="1957" y="456"/>
                    <a:pt x="1936" y="420"/>
                  </a:cubicBezTo>
                  <a:moveTo>
                    <a:pt x="2040" y="480"/>
                  </a:moveTo>
                  <a:cubicBezTo>
                    <a:pt x="2084" y="480"/>
                    <a:pt x="2123" y="504"/>
                    <a:pt x="2143" y="540"/>
                  </a:cubicBezTo>
                  <a:cubicBezTo>
                    <a:pt x="2154" y="522"/>
                    <a:pt x="2160" y="502"/>
                    <a:pt x="2160" y="480"/>
                  </a:cubicBezTo>
                  <a:cubicBezTo>
                    <a:pt x="2160" y="458"/>
                    <a:pt x="2154" y="438"/>
                    <a:pt x="2143" y="420"/>
                  </a:cubicBezTo>
                  <a:cubicBezTo>
                    <a:pt x="2123" y="456"/>
                    <a:pt x="2084" y="480"/>
                    <a:pt x="2040" y="480"/>
                  </a:cubicBezTo>
                  <a:moveTo>
                    <a:pt x="120" y="480"/>
                  </a:moveTo>
                  <a:cubicBezTo>
                    <a:pt x="53" y="480"/>
                    <a:pt x="0" y="534"/>
                    <a:pt x="0" y="600"/>
                  </a:cubicBezTo>
                  <a:cubicBezTo>
                    <a:pt x="0" y="622"/>
                    <a:pt x="6" y="642"/>
                    <a:pt x="16" y="660"/>
                  </a:cubicBezTo>
                  <a:cubicBezTo>
                    <a:pt x="37" y="696"/>
                    <a:pt x="75" y="720"/>
                    <a:pt x="120" y="720"/>
                  </a:cubicBezTo>
                  <a:cubicBezTo>
                    <a:pt x="164" y="720"/>
                    <a:pt x="203" y="696"/>
                    <a:pt x="223" y="660"/>
                  </a:cubicBezTo>
                  <a:cubicBezTo>
                    <a:pt x="234" y="642"/>
                    <a:pt x="240" y="622"/>
                    <a:pt x="240" y="600"/>
                  </a:cubicBezTo>
                  <a:cubicBezTo>
                    <a:pt x="240" y="534"/>
                    <a:pt x="186" y="480"/>
                    <a:pt x="120" y="480"/>
                  </a:cubicBezTo>
                  <a:moveTo>
                    <a:pt x="1560" y="480"/>
                  </a:moveTo>
                  <a:cubicBezTo>
                    <a:pt x="1493" y="480"/>
                    <a:pt x="1440" y="534"/>
                    <a:pt x="1440" y="600"/>
                  </a:cubicBezTo>
                  <a:cubicBezTo>
                    <a:pt x="1440" y="622"/>
                    <a:pt x="1446" y="642"/>
                    <a:pt x="1456" y="660"/>
                  </a:cubicBezTo>
                  <a:cubicBezTo>
                    <a:pt x="1446" y="678"/>
                    <a:pt x="1440" y="698"/>
                    <a:pt x="1440" y="720"/>
                  </a:cubicBezTo>
                  <a:cubicBezTo>
                    <a:pt x="1440" y="742"/>
                    <a:pt x="1446" y="762"/>
                    <a:pt x="1456" y="780"/>
                  </a:cubicBezTo>
                  <a:cubicBezTo>
                    <a:pt x="1446" y="798"/>
                    <a:pt x="1440" y="818"/>
                    <a:pt x="1440" y="840"/>
                  </a:cubicBezTo>
                  <a:cubicBezTo>
                    <a:pt x="1440" y="906"/>
                    <a:pt x="1493" y="960"/>
                    <a:pt x="1560" y="960"/>
                  </a:cubicBezTo>
                  <a:cubicBezTo>
                    <a:pt x="1626" y="960"/>
                    <a:pt x="1680" y="906"/>
                    <a:pt x="1680" y="840"/>
                  </a:cubicBezTo>
                  <a:cubicBezTo>
                    <a:pt x="1680" y="818"/>
                    <a:pt x="1674" y="798"/>
                    <a:pt x="1663" y="780"/>
                  </a:cubicBezTo>
                  <a:cubicBezTo>
                    <a:pt x="1674" y="762"/>
                    <a:pt x="1680" y="742"/>
                    <a:pt x="1680" y="720"/>
                  </a:cubicBezTo>
                  <a:cubicBezTo>
                    <a:pt x="1680" y="698"/>
                    <a:pt x="1674" y="678"/>
                    <a:pt x="1663" y="660"/>
                  </a:cubicBezTo>
                  <a:cubicBezTo>
                    <a:pt x="1674" y="642"/>
                    <a:pt x="1680" y="622"/>
                    <a:pt x="1680" y="600"/>
                  </a:cubicBezTo>
                  <a:cubicBezTo>
                    <a:pt x="1680" y="534"/>
                    <a:pt x="1626" y="480"/>
                    <a:pt x="1560" y="480"/>
                  </a:cubicBezTo>
                  <a:moveTo>
                    <a:pt x="2520" y="0"/>
                  </a:moveTo>
                  <a:cubicBezTo>
                    <a:pt x="2453" y="0"/>
                    <a:pt x="2400" y="54"/>
                    <a:pt x="2400" y="120"/>
                  </a:cubicBezTo>
                  <a:cubicBezTo>
                    <a:pt x="2400" y="186"/>
                    <a:pt x="2453" y="240"/>
                    <a:pt x="2520" y="240"/>
                  </a:cubicBezTo>
                  <a:cubicBezTo>
                    <a:pt x="2586" y="240"/>
                    <a:pt x="2640" y="186"/>
                    <a:pt x="2640" y="120"/>
                  </a:cubicBezTo>
                  <a:cubicBezTo>
                    <a:pt x="2640" y="54"/>
                    <a:pt x="2586" y="0"/>
                    <a:pt x="2520" y="0"/>
                  </a:cubicBezTo>
                </a:path>
              </a:pathLst>
            </a:custGeom>
            <a:solidFill>
              <a:schemeClr val="accent2"/>
            </a:solidFill>
            <a:ln w="1588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4" name="Nucleus and Neutrons">
              <a:extLst>
                <a:ext uri="{FF2B5EF4-FFF2-40B4-BE49-F238E27FC236}">
                  <a16:creationId xmlns:a16="http://schemas.microsoft.com/office/drawing/2014/main" id="{9F439EDB-BAE5-4CE0-A012-655E5FBC72E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046538" y="3506788"/>
              <a:ext cx="2338388" cy="1066800"/>
            </a:xfrm>
            <a:custGeom>
              <a:avLst/>
              <a:gdLst>
                <a:gd name="T0" fmla="*/ 840 w 2160"/>
                <a:gd name="T1" fmla="*/ 0 h 987"/>
                <a:gd name="T2" fmla="*/ 480 w 2160"/>
                <a:gd name="T3" fmla="*/ 360 h 987"/>
                <a:gd name="T4" fmla="*/ 840 w 2160"/>
                <a:gd name="T5" fmla="*/ 720 h 987"/>
                <a:gd name="T6" fmla="*/ 1200 w 2160"/>
                <a:gd name="T7" fmla="*/ 360 h 987"/>
                <a:gd name="T8" fmla="*/ 840 w 2160"/>
                <a:gd name="T9" fmla="*/ 0 h 987"/>
                <a:gd name="T10" fmla="*/ 840 w 2160"/>
                <a:gd name="T11" fmla="*/ 480 h 987"/>
                <a:gd name="T12" fmla="*/ 720 w 2160"/>
                <a:gd name="T13" fmla="*/ 360 h 987"/>
                <a:gd name="T14" fmla="*/ 840 w 2160"/>
                <a:gd name="T15" fmla="*/ 240 h 987"/>
                <a:gd name="T16" fmla="*/ 960 w 2160"/>
                <a:gd name="T17" fmla="*/ 360 h 987"/>
                <a:gd name="T18" fmla="*/ 840 w 2160"/>
                <a:gd name="T19" fmla="*/ 480 h 987"/>
                <a:gd name="T20" fmla="*/ 240 w 2160"/>
                <a:gd name="T21" fmla="*/ 120 h 987"/>
                <a:gd name="T22" fmla="*/ 120 w 2160"/>
                <a:gd name="T23" fmla="*/ 240 h 987"/>
                <a:gd name="T24" fmla="*/ 0 w 2160"/>
                <a:gd name="T25" fmla="*/ 120 h 987"/>
                <a:gd name="T26" fmla="*/ 120 w 2160"/>
                <a:gd name="T27" fmla="*/ 0 h 987"/>
                <a:gd name="T28" fmla="*/ 240 w 2160"/>
                <a:gd name="T29" fmla="*/ 120 h 987"/>
                <a:gd name="T30" fmla="*/ 1800 w 2160"/>
                <a:gd name="T31" fmla="*/ 240 h 987"/>
                <a:gd name="T32" fmla="*/ 1680 w 2160"/>
                <a:gd name="T33" fmla="*/ 360 h 987"/>
                <a:gd name="T34" fmla="*/ 1560 w 2160"/>
                <a:gd name="T35" fmla="*/ 240 h 987"/>
                <a:gd name="T36" fmla="*/ 1440 w 2160"/>
                <a:gd name="T37" fmla="*/ 120 h 987"/>
                <a:gd name="T38" fmla="*/ 1560 w 2160"/>
                <a:gd name="T39" fmla="*/ 0 h 987"/>
                <a:gd name="T40" fmla="*/ 1680 w 2160"/>
                <a:gd name="T41" fmla="*/ 120 h 987"/>
                <a:gd name="T42" fmla="*/ 1800 w 2160"/>
                <a:gd name="T43" fmla="*/ 240 h 987"/>
                <a:gd name="T44" fmla="*/ 2040 w 2160"/>
                <a:gd name="T45" fmla="*/ 240 h 987"/>
                <a:gd name="T46" fmla="*/ 1936 w 2160"/>
                <a:gd name="T47" fmla="*/ 180 h 987"/>
                <a:gd name="T48" fmla="*/ 1920 w 2160"/>
                <a:gd name="T49" fmla="*/ 120 h 987"/>
                <a:gd name="T50" fmla="*/ 2040 w 2160"/>
                <a:gd name="T51" fmla="*/ 0 h 987"/>
                <a:gd name="T52" fmla="*/ 2160 w 2160"/>
                <a:gd name="T53" fmla="*/ 120 h 987"/>
                <a:gd name="T54" fmla="*/ 2143 w 2160"/>
                <a:gd name="T55" fmla="*/ 180 h 987"/>
                <a:gd name="T56" fmla="*/ 2040 w 2160"/>
                <a:gd name="T57" fmla="*/ 240 h 987"/>
                <a:gd name="T58" fmla="*/ 2143 w 2160"/>
                <a:gd name="T59" fmla="*/ 300 h 987"/>
                <a:gd name="T60" fmla="*/ 2160 w 2160"/>
                <a:gd name="T61" fmla="*/ 360 h 987"/>
                <a:gd name="T62" fmla="*/ 2143 w 2160"/>
                <a:gd name="T63" fmla="*/ 420 h 987"/>
                <a:gd name="T64" fmla="*/ 2040 w 2160"/>
                <a:gd name="T65" fmla="*/ 480 h 987"/>
                <a:gd name="T66" fmla="*/ 2040 w 2160"/>
                <a:gd name="T67" fmla="*/ 480 h 987"/>
                <a:gd name="T68" fmla="*/ 1936 w 2160"/>
                <a:gd name="T69" fmla="*/ 540 h 987"/>
                <a:gd name="T70" fmla="*/ 1920 w 2160"/>
                <a:gd name="T71" fmla="*/ 600 h 987"/>
                <a:gd name="T72" fmla="*/ 1920 w 2160"/>
                <a:gd name="T73" fmla="*/ 600 h 987"/>
                <a:gd name="T74" fmla="*/ 1800 w 2160"/>
                <a:gd name="T75" fmla="*/ 480 h 987"/>
                <a:gd name="T76" fmla="*/ 1920 w 2160"/>
                <a:gd name="T77" fmla="*/ 360 h 987"/>
                <a:gd name="T78" fmla="*/ 1936 w 2160"/>
                <a:gd name="T79" fmla="*/ 300 h 987"/>
                <a:gd name="T80" fmla="*/ 2040 w 2160"/>
                <a:gd name="T81" fmla="*/ 240 h 987"/>
                <a:gd name="T82" fmla="*/ 2143 w 2160"/>
                <a:gd name="T83" fmla="*/ 300 h 987"/>
                <a:gd name="T84" fmla="*/ 223 w 2160"/>
                <a:gd name="T85" fmla="*/ 540 h 987"/>
                <a:gd name="T86" fmla="*/ 240 w 2160"/>
                <a:gd name="T87" fmla="*/ 600 h 987"/>
                <a:gd name="T88" fmla="*/ 120 w 2160"/>
                <a:gd name="T89" fmla="*/ 720 h 987"/>
                <a:gd name="T90" fmla="*/ 0 w 2160"/>
                <a:gd name="T91" fmla="*/ 600 h 987"/>
                <a:gd name="T92" fmla="*/ 16 w 2160"/>
                <a:gd name="T93" fmla="*/ 540 h 987"/>
                <a:gd name="T94" fmla="*/ 120 w 2160"/>
                <a:gd name="T95" fmla="*/ 480 h 987"/>
                <a:gd name="T96" fmla="*/ 223 w 2160"/>
                <a:gd name="T97" fmla="*/ 540 h 987"/>
                <a:gd name="T98" fmla="*/ 1468 w 2160"/>
                <a:gd name="T99" fmla="*/ 867 h 987"/>
                <a:gd name="T100" fmla="*/ 1348 w 2160"/>
                <a:gd name="T101" fmla="*/ 987 h 987"/>
                <a:gd name="T102" fmla="*/ 1228 w 2160"/>
                <a:gd name="T103" fmla="*/ 867 h 987"/>
                <a:gd name="T104" fmla="*/ 1348 w 2160"/>
                <a:gd name="T105" fmla="*/ 747 h 987"/>
                <a:gd name="T106" fmla="*/ 1468 w 2160"/>
                <a:gd name="T107" fmla="*/ 867 h 9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2160" h="987">
                  <a:moveTo>
                    <a:pt x="840" y="0"/>
                  </a:moveTo>
                  <a:cubicBezTo>
                    <a:pt x="641" y="0"/>
                    <a:pt x="480" y="161"/>
                    <a:pt x="480" y="360"/>
                  </a:cubicBezTo>
                  <a:cubicBezTo>
                    <a:pt x="480" y="559"/>
                    <a:pt x="641" y="720"/>
                    <a:pt x="840" y="720"/>
                  </a:cubicBezTo>
                  <a:cubicBezTo>
                    <a:pt x="1038" y="720"/>
                    <a:pt x="1200" y="559"/>
                    <a:pt x="1200" y="360"/>
                  </a:cubicBezTo>
                  <a:cubicBezTo>
                    <a:pt x="1200" y="161"/>
                    <a:pt x="1038" y="0"/>
                    <a:pt x="840" y="0"/>
                  </a:cubicBezTo>
                  <a:moveTo>
                    <a:pt x="840" y="480"/>
                  </a:moveTo>
                  <a:cubicBezTo>
                    <a:pt x="773" y="480"/>
                    <a:pt x="720" y="426"/>
                    <a:pt x="720" y="360"/>
                  </a:cubicBezTo>
                  <a:cubicBezTo>
                    <a:pt x="720" y="294"/>
                    <a:pt x="773" y="240"/>
                    <a:pt x="840" y="240"/>
                  </a:cubicBezTo>
                  <a:cubicBezTo>
                    <a:pt x="906" y="240"/>
                    <a:pt x="960" y="294"/>
                    <a:pt x="960" y="360"/>
                  </a:cubicBezTo>
                  <a:cubicBezTo>
                    <a:pt x="960" y="426"/>
                    <a:pt x="906" y="480"/>
                    <a:pt x="840" y="480"/>
                  </a:cubicBezTo>
                  <a:moveTo>
                    <a:pt x="240" y="120"/>
                  </a:moveTo>
                  <a:cubicBezTo>
                    <a:pt x="240" y="186"/>
                    <a:pt x="186" y="240"/>
                    <a:pt x="120" y="240"/>
                  </a:cubicBezTo>
                  <a:cubicBezTo>
                    <a:pt x="53" y="240"/>
                    <a:pt x="0" y="186"/>
                    <a:pt x="0" y="120"/>
                  </a:cubicBezTo>
                  <a:cubicBezTo>
                    <a:pt x="0" y="54"/>
                    <a:pt x="53" y="0"/>
                    <a:pt x="120" y="0"/>
                  </a:cubicBezTo>
                  <a:cubicBezTo>
                    <a:pt x="186" y="0"/>
                    <a:pt x="240" y="54"/>
                    <a:pt x="240" y="120"/>
                  </a:cubicBezTo>
                  <a:moveTo>
                    <a:pt x="1800" y="240"/>
                  </a:moveTo>
                  <a:cubicBezTo>
                    <a:pt x="1733" y="240"/>
                    <a:pt x="1680" y="294"/>
                    <a:pt x="1680" y="360"/>
                  </a:cubicBezTo>
                  <a:cubicBezTo>
                    <a:pt x="1680" y="294"/>
                    <a:pt x="1626" y="240"/>
                    <a:pt x="1560" y="240"/>
                  </a:cubicBezTo>
                  <a:cubicBezTo>
                    <a:pt x="1493" y="240"/>
                    <a:pt x="1440" y="186"/>
                    <a:pt x="1440" y="120"/>
                  </a:cubicBezTo>
                  <a:cubicBezTo>
                    <a:pt x="1440" y="54"/>
                    <a:pt x="1493" y="0"/>
                    <a:pt x="1560" y="0"/>
                  </a:cubicBezTo>
                  <a:cubicBezTo>
                    <a:pt x="1626" y="0"/>
                    <a:pt x="1680" y="54"/>
                    <a:pt x="1680" y="120"/>
                  </a:cubicBezTo>
                  <a:cubicBezTo>
                    <a:pt x="1746" y="120"/>
                    <a:pt x="1800" y="174"/>
                    <a:pt x="1800" y="240"/>
                  </a:cubicBezTo>
                  <a:close/>
                  <a:moveTo>
                    <a:pt x="2040" y="240"/>
                  </a:moveTo>
                  <a:cubicBezTo>
                    <a:pt x="1995" y="240"/>
                    <a:pt x="1957" y="216"/>
                    <a:pt x="1936" y="180"/>
                  </a:cubicBezTo>
                  <a:cubicBezTo>
                    <a:pt x="1926" y="162"/>
                    <a:pt x="1920" y="142"/>
                    <a:pt x="1920" y="120"/>
                  </a:cubicBezTo>
                  <a:cubicBezTo>
                    <a:pt x="1920" y="54"/>
                    <a:pt x="1973" y="0"/>
                    <a:pt x="2040" y="0"/>
                  </a:cubicBezTo>
                  <a:cubicBezTo>
                    <a:pt x="2106" y="0"/>
                    <a:pt x="2160" y="54"/>
                    <a:pt x="2160" y="120"/>
                  </a:cubicBezTo>
                  <a:cubicBezTo>
                    <a:pt x="2160" y="142"/>
                    <a:pt x="2154" y="162"/>
                    <a:pt x="2143" y="180"/>
                  </a:cubicBezTo>
                  <a:cubicBezTo>
                    <a:pt x="2123" y="216"/>
                    <a:pt x="2084" y="240"/>
                    <a:pt x="2040" y="240"/>
                  </a:cubicBezTo>
                  <a:moveTo>
                    <a:pt x="2143" y="300"/>
                  </a:moveTo>
                  <a:cubicBezTo>
                    <a:pt x="2154" y="318"/>
                    <a:pt x="2160" y="338"/>
                    <a:pt x="2160" y="360"/>
                  </a:cubicBezTo>
                  <a:cubicBezTo>
                    <a:pt x="2160" y="382"/>
                    <a:pt x="2154" y="402"/>
                    <a:pt x="2143" y="420"/>
                  </a:cubicBezTo>
                  <a:cubicBezTo>
                    <a:pt x="2123" y="456"/>
                    <a:pt x="2084" y="480"/>
                    <a:pt x="2040" y="480"/>
                  </a:cubicBezTo>
                  <a:cubicBezTo>
                    <a:pt x="2040" y="480"/>
                    <a:pt x="2040" y="480"/>
                    <a:pt x="2040" y="480"/>
                  </a:cubicBezTo>
                  <a:cubicBezTo>
                    <a:pt x="1995" y="480"/>
                    <a:pt x="1957" y="504"/>
                    <a:pt x="1936" y="540"/>
                  </a:cubicBezTo>
                  <a:cubicBezTo>
                    <a:pt x="1926" y="558"/>
                    <a:pt x="1920" y="578"/>
                    <a:pt x="1920" y="600"/>
                  </a:cubicBezTo>
                  <a:cubicBezTo>
                    <a:pt x="1920" y="600"/>
                    <a:pt x="1920" y="600"/>
                    <a:pt x="1920" y="600"/>
                  </a:cubicBezTo>
                  <a:cubicBezTo>
                    <a:pt x="1853" y="600"/>
                    <a:pt x="1800" y="546"/>
                    <a:pt x="1800" y="480"/>
                  </a:cubicBezTo>
                  <a:cubicBezTo>
                    <a:pt x="1866" y="480"/>
                    <a:pt x="1920" y="426"/>
                    <a:pt x="1920" y="360"/>
                  </a:cubicBezTo>
                  <a:cubicBezTo>
                    <a:pt x="1920" y="338"/>
                    <a:pt x="1926" y="318"/>
                    <a:pt x="1936" y="300"/>
                  </a:cubicBezTo>
                  <a:cubicBezTo>
                    <a:pt x="1957" y="264"/>
                    <a:pt x="1995" y="240"/>
                    <a:pt x="2040" y="240"/>
                  </a:cubicBezTo>
                  <a:cubicBezTo>
                    <a:pt x="2084" y="240"/>
                    <a:pt x="2123" y="264"/>
                    <a:pt x="2143" y="300"/>
                  </a:cubicBezTo>
                  <a:moveTo>
                    <a:pt x="223" y="540"/>
                  </a:moveTo>
                  <a:cubicBezTo>
                    <a:pt x="234" y="558"/>
                    <a:pt x="240" y="578"/>
                    <a:pt x="240" y="600"/>
                  </a:cubicBezTo>
                  <a:cubicBezTo>
                    <a:pt x="240" y="666"/>
                    <a:pt x="186" y="720"/>
                    <a:pt x="120" y="720"/>
                  </a:cubicBezTo>
                  <a:cubicBezTo>
                    <a:pt x="53" y="720"/>
                    <a:pt x="0" y="666"/>
                    <a:pt x="0" y="600"/>
                  </a:cubicBezTo>
                  <a:cubicBezTo>
                    <a:pt x="0" y="578"/>
                    <a:pt x="6" y="558"/>
                    <a:pt x="16" y="540"/>
                  </a:cubicBezTo>
                  <a:cubicBezTo>
                    <a:pt x="37" y="504"/>
                    <a:pt x="75" y="480"/>
                    <a:pt x="120" y="480"/>
                  </a:cubicBezTo>
                  <a:cubicBezTo>
                    <a:pt x="164" y="480"/>
                    <a:pt x="203" y="504"/>
                    <a:pt x="223" y="540"/>
                  </a:cubicBezTo>
                  <a:moveTo>
                    <a:pt x="1468" y="867"/>
                  </a:moveTo>
                  <a:cubicBezTo>
                    <a:pt x="1468" y="934"/>
                    <a:pt x="1414" y="987"/>
                    <a:pt x="1348" y="987"/>
                  </a:cubicBezTo>
                  <a:cubicBezTo>
                    <a:pt x="1282" y="987"/>
                    <a:pt x="1228" y="934"/>
                    <a:pt x="1228" y="867"/>
                  </a:cubicBezTo>
                  <a:cubicBezTo>
                    <a:pt x="1228" y="801"/>
                    <a:pt x="1282" y="747"/>
                    <a:pt x="1348" y="747"/>
                  </a:cubicBezTo>
                  <a:cubicBezTo>
                    <a:pt x="1414" y="747"/>
                    <a:pt x="1468" y="801"/>
                    <a:pt x="1468" y="867"/>
                  </a:cubicBezTo>
                </a:path>
              </a:pathLst>
            </a:custGeom>
            <a:solidFill>
              <a:schemeClr val="tx1"/>
            </a:solidFill>
            <a:ln w="1588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100" name="Spacers"/>
          <p:cNvGrpSpPr/>
          <p:nvPr userDrawn="1"/>
        </p:nvGrpSpPr>
        <p:grpSpPr>
          <a:xfrm>
            <a:off x="-2393300" y="0"/>
            <a:ext cx="15480256" cy="0"/>
            <a:chOff x="-2393300" y="108223"/>
            <a:chExt cx="15480256" cy="0"/>
          </a:xfrm>
        </p:grpSpPr>
        <p:cxnSp>
          <p:nvCxnSpPr>
            <p:cNvPr id="101" name="Left"/>
            <p:cNvCxnSpPr/>
            <p:nvPr userDrawn="1"/>
          </p:nvCxnSpPr>
          <p:spPr>
            <a:xfrm>
              <a:off x="-23933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2" name="Right"/>
            <p:cNvCxnSpPr/>
            <p:nvPr userDrawn="1"/>
          </p:nvCxnSpPr>
          <p:spPr>
            <a:xfrm>
              <a:off x="107827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1" name="Watermark">
            <a:extLst>
              <a:ext uri="{FF2B5EF4-FFF2-40B4-BE49-F238E27FC236}">
                <a16:creationId xmlns:a16="http://schemas.microsoft.com/office/drawing/2014/main" id="{AFA147AB-C0BC-4E0C-9510-CF4F3659FC9B}"/>
              </a:ext>
            </a:extLst>
          </p:cNvPr>
          <p:cNvSpPr txBox="1"/>
          <p:nvPr userDrawn="1"/>
        </p:nvSpPr>
        <p:spPr>
          <a:xfrm>
            <a:off x="432000" y="7200000"/>
            <a:ext cx="2520000" cy="3240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2000" noProof="0">
                <a:solidFill>
                  <a:schemeClr val="accent4"/>
                </a:solidFill>
                <a:latin typeface="Source Sans Pro Semibold" panose="020B0603030403020204" pitchFamily="34" charset="0"/>
                <a:ea typeface="Source Sans Pro Light" panose="020B0906030804020204" pitchFamily="34" charset="0"/>
                <a:cs typeface="Source Sans Pro Light" panose="020B0604020202020204" pitchFamily="34" charset="0"/>
              </a:rPr>
              <a:t>DRAFT</a:t>
            </a:r>
          </a:p>
        </p:txBody>
      </p:sp>
      <p:sp>
        <p:nvSpPr>
          <p:cNvPr id="5" name="[WorkArea]" descr="&lt;?xml version=&quot;1.0&quot; encoding=&quot;utf-16&quot;?&gt;&#10;&lt;GridTheme xmlns:xsi=&quot;http://www.w3.org/2001/XMLSchema-instance&quot; xmlns:xsd=&quot;http://www.w3.org/2001/XMLSchema&quot;&gt;&#10;  &lt;GuideLines /&gt;&#10;  &lt;WorkArea&gt;&#10;    &lt;Top&gt;107.716537&lt;/Top&gt;&#10;    &lt;Left&gt;34.0157471&lt;/Left&gt;&#10;    &lt;Width&gt;773.8583&lt;/Width&gt;&#10;    &lt;Height&gt;453.5433&lt;/Height&gt;&#10;  &lt;/WorkArea&gt;&#10;  &lt;AspectW&gt;-1&lt;/AspectW&gt;&#10;  &lt;AspectH&gt;-1&lt;/AspectH&gt;&#10;  &lt;Width&gt;842&lt;/Width&gt;&#10;  &lt;Height&gt;595.375&lt;/Height&gt;&#10;  &lt;HGap&gt;5&lt;/HGap&gt;&#10;  &lt;VGap&gt;5&lt;/VGap&gt;&#10;  &lt;OfficeVersion&gt;-1&lt;/OfficeVersion&gt;&#10;&lt;/GridTheme&gt;" hidden="1">
            <a:extLst>
              <a:ext uri="{FF2B5EF4-FFF2-40B4-BE49-F238E27FC236}">
                <a16:creationId xmlns:a16="http://schemas.microsoft.com/office/drawing/2014/main" id="{F2F87FDE-D3F2-4ED7-AA86-AC88F140331E}"/>
              </a:ext>
            </a:extLst>
          </p:cNvPr>
          <p:cNvSpPr/>
          <p:nvPr userDrawn="1"/>
        </p:nvSpPr>
        <p:spPr>
          <a:xfrm>
            <a:off x="432000" y="1368000"/>
            <a:ext cx="9828000" cy="5760000"/>
          </a:xfrm>
          <a:prstGeom prst="rect">
            <a:avLst/>
          </a:prstGeom>
          <a:solidFill>
            <a:srgbClr val="EAEAEA">
              <a:alpha val="50000"/>
            </a:srgbClr>
          </a:solidFill>
          <a:ln w="6350" cap="flat" cmpd="sng" algn="ctr">
            <a:solidFill>
              <a:schemeClr val="accent1">
                <a:shade val="50000"/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04938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54" r:id="rId2"/>
    <p:sldLayoutId id="2147483665" r:id="rId3"/>
    <p:sldLayoutId id="2147483651" r:id="rId4"/>
    <p:sldLayoutId id="2147483660" r:id="rId5"/>
    <p:sldLayoutId id="2147483658" r:id="rId6"/>
    <p:sldLayoutId id="2147483656" r:id="rId7"/>
    <p:sldLayoutId id="2147483652" r:id="rId8"/>
    <p:sldLayoutId id="2147483649" r:id="rId9"/>
    <p:sldLayoutId id="2147483661" r:id="rId10"/>
    <p:sldLayoutId id="2147483659" r:id="rId11"/>
    <p:sldLayoutId id="2147483657" r:id="rId12"/>
    <p:sldLayoutId id="2147483653" r:id="rId13"/>
    <p:sldLayoutId id="2147483650" r:id="rId14"/>
    <p:sldLayoutId id="2147483663" r:id="rId15"/>
    <p:sldLayoutId id="2147483664" r:id="rId16"/>
    <p:sldLayoutId id="2147483662" r:id="rId17"/>
    <p:sldLayoutId id="2147483666" r:id="rId18"/>
  </p:sldLayoutIdLst>
  <p:txStyles>
    <p:titleStyle>
      <a:lvl1pPr algn="l" defTabSz="1008044" rtl="0" eaLnBrk="1" latinLnBrk="0" hangingPunct="1">
        <a:lnSpc>
          <a:spcPct val="100000"/>
        </a:lnSpc>
        <a:spcBef>
          <a:spcPct val="0"/>
        </a:spcBef>
        <a:buNone/>
        <a:defRPr sz="2000" kern="1200">
          <a:solidFill>
            <a:schemeClr val="tx1"/>
          </a:solidFill>
          <a:latin typeface="Source Sans Pro Semibold" panose="020B0603030403020204"/>
          <a:ea typeface="+mj-ea"/>
          <a:cs typeface="+mj-cs"/>
        </a:defRPr>
      </a:lvl1pPr>
    </p:titleStyle>
    <p:bodyStyle>
      <a:lvl1pPr marL="0" indent="0" algn="l" defTabSz="1008044" rtl="0" eaLnBrk="1" latinLnBrk="0" hangingPunct="1">
        <a:lnSpc>
          <a:spcPct val="110000"/>
        </a:lnSpc>
        <a:spcBef>
          <a:spcPts val="1400"/>
        </a:spcBef>
        <a:spcAft>
          <a:spcPts val="600"/>
        </a:spcAft>
        <a:buFont typeface="Source Sans Pro Light" panose="020B0604020202020204" pitchFamily="34" charset="0"/>
        <a:buNone/>
        <a:defRPr sz="1600" i="0" kern="1200">
          <a:solidFill>
            <a:schemeClr val="accent2"/>
          </a:solidFill>
          <a:latin typeface="Source Sans Pro Semibold" panose="020B0603030403020204"/>
          <a:ea typeface="+mn-ea"/>
          <a:cs typeface="+mn-cs"/>
        </a:defRPr>
      </a:lvl1pPr>
      <a:lvl2pPr marL="0" indent="0" algn="l" defTabSz="1008044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Source Sans Pro Light" panose="020B0604020202020204" pitchFamily="34" charset="0"/>
        <a:buNone/>
        <a:defRPr sz="1600" kern="1200">
          <a:solidFill>
            <a:schemeClr val="tx1"/>
          </a:solidFill>
          <a:latin typeface="Source Sans Pro Light" panose="020B0403030403020204" pitchFamily="34" charset="0"/>
          <a:ea typeface="+mn-ea"/>
          <a:cs typeface="+mn-cs"/>
        </a:defRPr>
      </a:lvl2pPr>
      <a:lvl3pPr marL="180000" indent="-180000" algn="l" defTabSz="1008044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Clr>
          <a:schemeClr val="tx1"/>
        </a:buClr>
        <a:buSzPct val="75000"/>
        <a:buFont typeface="iON" panose="02000505000000020004" pitchFamily="50" charset="0"/>
        <a:buChar char="•"/>
        <a:defRPr lang="en-US" sz="1600" i="0" kern="1200" dirty="0">
          <a:solidFill>
            <a:schemeClr val="tx1"/>
          </a:solidFill>
          <a:latin typeface="Source Sans Pro Light" panose="020B0403030403020204" pitchFamily="34" charset="0"/>
          <a:ea typeface="+mn-ea"/>
          <a:cs typeface="+mn-cs"/>
        </a:defRPr>
      </a:lvl3pPr>
      <a:lvl4pPr marL="360399" indent="-180000" algn="l" defTabSz="1008044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Clr>
          <a:schemeClr val="tx1"/>
        </a:buClr>
        <a:buSzPct val="60000"/>
        <a:buFont typeface="Wingdings" panose="05000000000000000000" pitchFamily="2" charset="2"/>
        <a:buChar char="l"/>
        <a:defRPr lang="en-US" sz="1400" kern="1200" dirty="0">
          <a:solidFill>
            <a:schemeClr val="tx1"/>
          </a:solidFill>
          <a:latin typeface="Source Sans Pro Light" panose="020B0403030403020204" pitchFamily="34" charset="0"/>
          <a:ea typeface="+mn-ea"/>
          <a:cs typeface="+mn-cs"/>
        </a:defRPr>
      </a:lvl4pPr>
      <a:lvl5pPr marL="540000" indent="-180000" algn="l" defTabSz="1008044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Clr>
          <a:schemeClr val="tx1"/>
        </a:buClr>
        <a:buSzPct val="60000"/>
        <a:buFont typeface="Wingdings" panose="05000000000000000000" pitchFamily="2" charset="2"/>
        <a:buChar char="l"/>
        <a:defRPr lang="en-US" sz="1200" kern="1200" baseline="0" dirty="0">
          <a:solidFill>
            <a:schemeClr val="tx1"/>
          </a:solidFill>
          <a:latin typeface="Source Sans Pro Light" panose="020B0403030403020204" pitchFamily="34" charset="0"/>
          <a:ea typeface="+mn-ea"/>
          <a:cs typeface="+mn-cs"/>
        </a:defRPr>
      </a:lvl5pPr>
      <a:lvl6pPr marL="0" indent="0" algn="l" defTabSz="1008044" rtl="0" eaLnBrk="1" latinLnBrk="0" hangingPunct="1">
        <a:lnSpc>
          <a:spcPct val="100000"/>
        </a:lnSpc>
        <a:spcBef>
          <a:spcPts val="1000"/>
        </a:spcBef>
        <a:spcAft>
          <a:spcPts val="200"/>
        </a:spcAft>
        <a:buClr>
          <a:schemeClr val="tx1"/>
        </a:buClr>
        <a:buSzPct val="70000"/>
        <a:buFont typeface="Wingdings" panose="05000000000000000000" pitchFamily="2" charset="2"/>
        <a:buNone/>
        <a:defRPr lang="en-US" sz="1600" i="0" kern="1200" dirty="0">
          <a:solidFill>
            <a:schemeClr val="tx1"/>
          </a:solidFill>
          <a:latin typeface="Segoe UI Semibold" panose="020B0702040204020203" pitchFamily="34" charset="0"/>
          <a:ea typeface="+mn-ea"/>
          <a:cs typeface="Segoe UI Semibold" panose="020B0702040204020203" pitchFamily="34" charset="0"/>
        </a:defRPr>
      </a:lvl6pPr>
      <a:lvl7pPr marL="0" indent="0" algn="l" defTabSz="1008044" rtl="0" eaLnBrk="1" latinLnBrk="0" hangingPunct="1">
        <a:lnSpc>
          <a:spcPct val="110000"/>
        </a:lnSpc>
        <a:spcBef>
          <a:spcPts val="600"/>
        </a:spcBef>
        <a:spcAft>
          <a:spcPts val="200"/>
        </a:spcAft>
        <a:buClr>
          <a:schemeClr val="tx1"/>
        </a:buClr>
        <a:buSzPct val="70000"/>
        <a:buFont typeface="Wingdings" panose="05000000000000000000" pitchFamily="2" charset="2"/>
        <a:buNone/>
        <a:defRPr lang="en-US" sz="1600" b="0" i="1" kern="1200" baseline="0" dirty="0">
          <a:solidFill>
            <a:schemeClr val="accent3"/>
          </a:solidFill>
          <a:latin typeface="Georgia" panose="02040502050405020303" pitchFamily="18" charset="0"/>
          <a:ea typeface="+mn-ea"/>
          <a:cs typeface="+mn-cs"/>
        </a:defRPr>
      </a:lvl7pPr>
      <a:lvl8pPr marL="0" indent="0" algn="l" defTabSz="1008044" rtl="0" eaLnBrk="1" latinLnBrk="0" hangingPunct="1">
        <a:lnSpc>
          <a:spcPct val="110000"/>
        </a:lnSpc>
        <a:spcBef>
          <a:spcPts val="200"/>
        </a:spcBef>
        <a:buFont typeface="Source Sans Pro Light" panose="020B0604020202020204" pitchFamily="34" charset="0"/>
        <a:buNone/>
        <a:tabLst/>
        <a:defRPr sz="1000" kern="1200" baseline="0">
          <a:solidFill>
            <a:schemeClr val="tx1"/>
          </a:solidFill>
          <a:latin typeface="+mj-lt"/>
          <a:ea typeface="+mn-ea"/>
          <a:cs typeface="+mn-cs"/>
        </a:defRPr>
      </a:lvl8pPr>
      <a:lvl9pPr marL="180000" indent="-180000" algn="l" defTabSz="1008044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+mj-lt"/>
        <a:buAutoNum type="alphaLcParenR"/>
        <a:defRPr sz="1000" i="0" kern="1200">
          <a:solidFill>
            <a:schemeClr val="tx1"/>
          </a:solidFill>
          <a:latin typeface="Source Sans Pro Light" panose="020B0403030403020204" pitchFamily="34" charset="0"/>
          <a:ea typeface="+mn-ea"/>
          <a:cs typeface="+mn-cs"/>
        </a:defRPr>
      </a:lvl9pPr>
    </p:bodyStyle>
    <p:otherStyle>
      <a:defPPr>
        <a:defRPr lang="en-US"/>
      </a:defPPr>
      <a:lvl1pPr marL="0" indent="0" algn="l" defTabSz="1267212" rtl="0" eaLnBrk="1" latinLnBrk="0" hangingPunct="1">
        <a:lnSpc>
          <a:spcPct val="110000"/>
        </a:lnSpc>
        <a:spcBef>
          <a:spcPts val="1400"/>
        </a:spcBef>
        <a:spcAft>
          <a:spcPts val="600"/>
        </a:spcAft>
        <a:buFont typeface="Source Sans Pro Light" panose="020B0604020202020204" pitchFamily="34" charset="0"/>
        <a:buNone/>
        <a:defRPr sz="1600" i="0" kern="1200">
          <a:solidFill>
            <a:schemeClr val="accent2"/>
          </a:solidFill>
          <a:latin typeface="Source Sans Pro Semibold" panose="020B0603030403020204"/>
          <a:ea typeface="+mn-ea"/>
          <a:cs typeface="+mn-cs"/>
        </a:defRPr>
      </a:lvl1pPr>
      <a:lvl2pPr marL="0" indent="0" algn="l" defTabSz="1267212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Source Sans Pro Light" panose="020B0604020202020204" pitchFamily="34" charset="0"/>
        <a:buNone/>
        <a:defRPr sz="1600" kern="1200">
          <a:solidFill>
            <a:schemeClr val="tx1"/>
          </a:solidFill>
          <a:latin typeface="Source Sans Pro Light" panose="020B0403030403020204" pitchFamily="34" charset="0"/>
          <a:ea typeface="+mn-ea"/>
          <a:cs typeface="+mn-cs"/>
        </a:defRPr>
      </a:lvl2pPr>
      <a:lvl3pPr marL="216000" indent="-216000" algn="l" defTabSz="1267212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Clr>
          <a:schemeClr val="tx1"/>
        </a:buClr>
        <a:buSzPct val="75000"/>
        <a:buFont typeface="iON" panose="02000505000000020004" pitchFamily="50" charset="0"/>
        <a:buChar char="•"/>
        <a:defRPr lang="en-US" sz="1600" i="0" kern="1200" dirty="0">
          <a:solidFill>
            <a:schemeClr val="tx1"/>
          </a:solidFill>
          <a:latin typeface="Source Sans Pro Light" panose="020B0403030403020204" pitchFamily="34" charset="0"/>
          <a:ea typeface="+mn-ea"/>
          <a:cs typeface="+mn-cs"/>
        </a:defRPr>
      </a:lvl3pPr>
      <a:lvl4pPr marL="432000" indent="-216000" algn="l" defTabSz="1267212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Clr>
          <a:schemeClr val="tx1"/>
        </a:buClr>
        <a:buSzPct val="60000"/>
        <a:buFont typeface="Wingdings" panose="05000000000000000000" pitchFamily="2" charset="2"/>
        <a:buChar char="l"/>
        <a:defRPr lang="en-US" sz="1200" kern="1200" dirty="0">
          <a:solidFill>
            <a:schemeClr val="tx1"/>
          </a:solidFill>
          <a:latin typeface="Source Sans Pro Light" panose="020B0403030403020204" pitchFamily="34" charset="0"/>
          <a:ea typeface="+mn-ea"/>
          <a:cs typeface="+mn-cs"/>
        </a:defRPr>
      </a:lvl4pPr>
      <a:lvl5pPr marL="648000" indent="-216000" algn="l" defTabSz="1267212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Clr>
          <a:schemeClr val="tx1"/>
        </a:buClr>
        <a:buSzPct val="60000"/>
        <a:buFont typeface="Wingdings" panose="05000000000000000000" pitchFamily="2" charset="2"/>
        <a:buChar char="l"/>
        <a:defRPr lang="en-US" sz="1100" kern="1200" baseline="0" dirty="0">
          <a:solidFill>
            <a:schemeClr val="tx1"/>
          </a:solidFill>
          <a:latin typeface="Source Sans Pro Light" panose="020B0403030403020204" pitchFamily="34" charset="0"/>
          <a:ea typeface="+mn-ea"/>
          <a:cs typeface="+mn-cs"/>
        </a:defRPr>
      </a:lvl5pPr>
      <a:lvl6pPr marL="0" indent="0" algn="l" defTabSz="1267212" rtl="0" eaLnBrk="1" latinLnBrk="0" hangingPunct="1">
        <a:lnSpc>
          <a:spcPct val="100000"/>
        </a:lnSpc>
        <a:spcBef>
          <a:spcPts val="1000"/>
        </a:spcBef>
        <a:spcAft>
          <a:spcPts val="200"/>
        </a:spcAft>
        <a:buClr>
          <a:schemeClr val="tx1"/>
        </a:buClr>
        <a:buSzPct val="70000"/>
        <a:buFont typeface="Wingdings" panose="05000000000000000000" pitchFamily="2" charset="2"/>
        <a:buNone/>
        <a:defRPr lang="en-US" sz="1600" i="0" kern="1200" dirty="0">
          <a:solidFill>
            <a:schemeClr val="tx1"/>
          </a:solidFill>
          <a:latin typeface="Source Sans Pro Semibold" panose="020B0603030403020204"/>
          <a:ea typeface="+mn-ea"/>
          <a:cs typeface="+mn-cs"/>
        </a:defRPr>
      </a:lvl6pPr>
      <a:lvl7pPr marL="0" indent="0" algn="l" defTabSz="1267212" rtl="0" eaLnBrk="1" latinLnBrk="0" hangingPunct="1">
        <a:lnSpc>
          <a:spcPct val="110000"/>
        </a:lnSpc>
        <a:spcBef>
          <a:spcPts val="600"/>
        </a:spcBef>
        <a:spcAft>
          <a:spcPts val="200"/>
        </a:spcAft>
        <a:buClr>
          <a:schemeClr val="tx1"/>
        </a:buClr>
        <a:buSzPct val="70000"/>
        <a:buFont typeface="Wingdings" panose="05000000000000000000" pitchFamily="2" charset="2"/>
        <a:buNone/>
        <a:defRPr lang="en-US" sz="1600" b="0" i="1" kern="1200" baseline="0" dirty="0">
          <a:solidFill>
            <a:schemeClr val="accent3"/>
          </a:solidFill>
          <a:latin typeface="Georgia" panose="02040502050405020303" pitchFamily="18" charset="0"/>
          <a:ea typeface="+mn-ea"/>
          <a:cs typeface="+mn-cs"/>
        </a:defRPr>
      </a:lvl7pPr>
      <a:lvl8pPr marL="0" indent="0" algn="l" defTabSz="1267212" rtl="0" eaLnBrk="1" latinLnBrk="0" hangingPunct="1">
        <a:lnSpc>
          <a:spcPct val="110000"/>
        </a:lnSpc>
        <a:spcBef>
          <a:spcPts val="200"/>
        </a:spcBef>
        <a:buFont typeface="Source Sans Pro Light" panose="020B0604020202020204" pitchFamily="34" charset="0"/>
        <a:buNone/>
        <a:tabLst/>
        <a:defRPr sz="1050" kern="1200" baseline="0">
          <a:solidFill>
            <a:schemeClr val="tx1"/>
          </a:solidFill>
          <a:latin typeface="+mj-lt"/>
          <a:ea typeface="+mn-ea"/>
          <a:cs typeface="+mn-cs"/>
        </a:defRPr>
      </a:lvl8pPr>
      <a:lvl9pPr marL="226278" indent="-226278" algn="l" defTabSz="1267212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+mj-lt"/>
        <a:buAutoNum type="alphaLcParenR"/>
        <a:defRPr sz="1050" i="0" kern="1200">
          <a:solidFill>
            <a:schemeClr val="tx1"/>
          </a:solidFill>
          <a:latin typeface="Source Sans Pro Light" panose="020B0403030403020204" pitchFamily="34" charset="0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Relationship Id="rId4" Type="http://schemas.openxmlformats.org/officeDocument/2006/relationships/image" Target="../media/image1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">
            <a:extLst>
              <a:ext uri="{FF2B5EF4-FFF2-40B4-BE49-F238E27FC236}">
                <a16:creationId xmlns:a16="http://schemas.microsoft.com/office/drawing/2014/main" id="{791E85C1-5DAF-41B6-8491-2A67A049034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10 May 2019</a:t>
            </a:r>
          </a:p>
        </p:txBody>
      </p:sp>
      <p:sp>
        <p:nvSpPr>
          <p:cNvPr id="7" name="Client">
            <a:extLst>
              <a:ext uri="{FF2B5EF4-FFF2-40B4-BE49-F238E27FC236}">
                <a16:creationId xmlns:a16="http://schemas.microsoft.com/office/drawing/2014/main" id="{129FDEA6-19EF-49E2-88FC-C2B6279637E0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US"/>
              <a:t>Hemant Kumar </a:t>
            </a:r>
            <a:r>
              <a:rPr lang="en-US" err="1"/>
              <a:t>Tewtia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F70AF9F4-BC45-4289-88A4-BD5F0B817F9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>
                <a:ea typeface="Source Sans Pro Semibold"/>
              </a:rPr>
              <a:t>Design Pattern in Functional Way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0568669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Title 33">
            <a:extLst>
              <a:ext uri="{FF2B5EF4-FFF2-40B4-BE49-F238E27FC236}">
                <a16:creationId xmlns:a16="http://schemas.microsoft.com/office/drawing/2014/main" id="{F3C726FF-4A00-48DD-A5F4-73E0E8B648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genda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6BAD5B7-7955-49A7-A625-CCE3A09C1B60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32000" y="859501"/>
            <a:ext cx="9828000" cy="5760000"/>
          </a:xfrm>
        </p:spPr>
        <p:txBody>
          <a:bodyPr vert="horz" lIns="0" tIns="0" rIns="0" bIns="0" rtlCol="0" anchor="t">
            <a:noAutofit/>
          </a:bodyPr>
          <a:lstStyle/>
          <a:p>
            <a:endParaRPr lang="en-US"/>
          </a:p>
          <a:p>
            <a:pPr marL="285750" indent="-285750">
              <a:buFont typeface="Arial"/>
              <a:buChar char="•"/>
            </a:pPr>
            <a:r>
              <a:rPr lang="en-US" dirty="0"/>
              <a:t>Functional Programming Overview</a:t>
            </a:r>
            <a:endParaRPr lang="en-US" dirty="0">
              <a:ea typeface="Source Sans Pro Semibold" panose="020B0603030403020204"/>
            </a:endParaRPr>
          </a:p>
          <a:p>
            <a:pPr marL="285750" indent="-285750">
              <a:buFont typeface="Arial"/>
              <a:buChar char="•"/>
            </a:pPr>
            <a:r>
              <a:rPr lang="en-US" dirty="0">
                <a:ea typeface="Source Sans Pro Semibold" panose="020B0603030403020204"/>
              </a:rPr>
              <a:t>Quick overview (Lambdas and Method References)</a:t>
            </a:r>
            <a:endParaRPr lang="en-US" dirty="0"/>
          </a:p>
          <a:p>
            <a:pPr marL="285750" indent="-285750">
              <a:buFont typeface="Arial"/>
              <a:buChar char="•"/>
            </a:pPr>
            <a:r>
              <a:rPr lang="en-US">
                <a:ea typeface="Source Sans Pro Semibold"/>
              </a:rPr>
              <a:t>Java Functional Interfaces</a:t>
            </a:r>
            <a:endParaRPr lang="en-US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OOPs Design Patterns in Functional Way</a:t>
            </a:r>
            <a:endParaRPr lang="en-US" dirty="0">
              <a:ea typeface="Source Sans Pro Semibold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Java Functional libraries</a:t>
            </a:r>
            <a:endParaRPr lang="en-US" dirty="0">
              <a:ea typeface="Source Sans Pro Semibold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Q&amp;A</a:t>
            </a:r>
            <a:endParaRPr lang="en-US" dirty="0">
              <a:ea typeface="Source Sans Pro Semibold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0984C19-75D4-48BB-8734-02F8597127A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52853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 descr="A double decker bus driving down a street&#10;&#10;Description generated with very high confidence">
            <a:extLst>
              <a:ext uri="{FF2B5EF4-FFF2-40B4-BE49-F238E27FC236}">
                <a16:creationId xmlns:a16="http://schemas.microsoft.com/office/drawing/2014/main" id="{DB45F79A-4E51-4A66-A6EB-7CD1B98E55DF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4"/>
          <a:stretch>
            <a:fillRect/>
          </a:stretch>
        </p:blipFill>
        <p:spPr>
          <a:xfrm>
            <a:off x="150017" y="177607"/>
            <a:ext cx="8846692" cy="7093506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BA65FC1B-5626-410B-9C1D-A72139BF78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0587285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ea typeface="Source Sans Pro Semibold"/>
              </a:rPr>
              <a:t>Functional Programming overview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AA668D5-9CE2-4ACB-BBF9-CE23AE48F5AC}"/>
              </a:ext>
            </a:extLst>
          </p:cNvPr>
          <p:cNvSpPr txBox="1"/>
          <p:nvPr/>
        </p:nvSpPr>
        <p:spPr>
          <a:xfrm>
            <a:off x="449263" y="1487488"/>
            <a:ext cx="9894795" cy="348942"/>
          </a:xfrm>
          <a:prstGeom prst="rect">
            <a:avLst/>
          </a:prstGeom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>
              <a:solidFill>
                <a:srgbClr val="00A4E6"/>
              </a:solidFill>
              <a:ea typeface="Source Sans Pro Semibold"/>
            </a:endParaRP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8CF925B-F6EE-4EB3-B3C5-B3EBDDA2AE2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11" name="Picture 11" descr="A close up of a logo&#10;&#10;Description generated with very high confidence">
            <a:extLst>
              <a:ext uri="{FF2B5EF4-FFF2-40B4-BE49-F238E27FC236}">
                <a16:creationId xmlns:a16="http://schemas.microsoft.com/office/drawing/2014/main" id="{D18CACE6-0E67-4E8E-B664-B5753DCCAE0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1604" y="1483198"/>
            <a:ext cx="8856753" cy="45902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031729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ea typeface="Source Sans Pro Semibold"/>
              </a:rPr>
              <a:t>Functional Programming overview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AA668D5-9CE2-4ACB-BBF9-CE23AE48F5AC}"/>
              </a:ext>
            </a:extLst>
          </p:cNvPr>
          <p:cNvSpPr txBox="1"/>
          <p:nvPr/>
        </p:nvSpPr>
        <p:spPr>
          <a:xfrm>
            <a:off x="449263" y="1487488"/>
            <a:ext cx="9894795" cy="348942"/>
          </a:xfrm>
          <a:prstGeom prst="rect">
            <a:avLst/>
          </a:prstGeom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>
              <a:solidFill>
                <a:srgbClr val="00A4E6"/>
              </a:solidFill>
              <a:ea typeface="Source Sans Pro Semibold"/>
            </a:endParaRP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8CF925B-F6EE-4EB3-B3C5-B3EBDDA2AE2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4A81E12-B484-4139-A8E4-79FD3EBF323F}"/>
              </a:ext>
            </a:extLst>
          </p:cNvPr>
          <p:cNvSpPr txBox="1"/>
          <p:nvPr/>
        </p:nvSpPr>
        <p:spPr>
          <a:xfrm>
            <a:off x="704004" y="1277087"/>
            <a:ext cx="9369014" cy="298556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b="1" dirty="0">
                <a:solidFill>
                  <a:schemeClr val="tx1"/>
                </a:solidFill>
                <a:ea typeface="Source Sans Pro Semibold"/>
              </a:rPr>
              <a:t>Basic Functional Concepts</a:t>
            </a:r>
          </a:p>
          <a:p>
            <a:pPr marL="342900" indent="-342900">
              <a:buAutoNum type="arabicPeriod"/>
            </a:pPr>
            <a:r>
              <a:rPr lang="en-US" dirty="0">
                <a:solidFill>
                  <a:schemeClr val="tx1"/>
                </a:solidFill>
                <a:ea typeface="Source Sans Pro Semibold"/>
              </a:rPr>
              <a:t>Immutable values over mutable values</a:t>
            </a:r>
          </a:p>
          <a:p>
            <a:pPr marL="342900" indent="-342900">
              <a:buAutoNum type="arabicPeriod"/>
            </a:pPr>
            <a:r>
              <a:rPr lang="en-US" dirty="0">
                <a:solidFill>
                  <a:schemeClr val="tx1"/>
                </a:solidFill>
                <a:ea typeface="Source Sans Pro Semibold"/>
              </a:rPr>
              <a:t>Functions as first-class values</a:t>
            </a:r>
          </a:p>
          <a:p>
            <a:pPr marL="342900" indent="-342900">
              <a:buAutoNum type="arabicPeriod"/>
            </a:pPr>
            <a:r>
              <a:rPr lang="en-US" dirty="0">
                <a:solidFill>
                  <a:schemeClr val="tx1"/>
                </a:solidFill>
                <a:ea typeface="Source Sans Pro Semibold"/>
              </a:rPr>
              <a:t>Currying</a:t>
            </a:r>
          </a:p>
          <a:p>
            <a:pPr marL="342900" indent="-342900">
              <a:buAutoNum type="arabicPeriod"/>
            </a:pPr>
            <a:r>
              <a:rPr lang="en-US" dirty="0">
                <a:solidFill>
                  <a:schemeClr val="tx1"/>
                </a:solidFill>
                <a:ea typeface="Source Sans Pro Semibold"/>
              </a:rPr>
              <a:t>Lazy Evaluation</a:t>
            </a:r>
          </a:p>
          <a:p>
            <a:endParaRPr lang="en-US" dirty="0">
              <a:ea typeface="Source Sans Pro Semibold"/>
            </a:endParaRPr>
          </a:p>
        </p:txBody>
      </p:sp>
      <p:pic>
        <p:nvPicPr>
          <p:cNvPr id="3" name="Picture 7">
            <a:extLst>
              <a:ext uri="{FF2B5EF4-FFF2-40B4-BE49-F238E27FC236}">
                <a16:creationId xmlns:a16="http://schemas.microsoft.com/office/drawing/2014/main" id="{9A1D3ACA-6A24-469E-996C-2CCA7091AD3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21492" y="1244821"/>
            <a:ext cx="2743351" cy="17647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23448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ea typeface="Source Sans Pro Semibold"/>
              </a:rPr>
              <a:t>Functional Programming overview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AA668D5-9CE2-4ACB-BBF9-CE23AE48F5AC}"/>
              </a:ext>
            </a:extLst>
          </p:cNvPr>
          <p:cNvSpPr txBox="1"/>
          <p:nvPr/>
        </p:nvSpPr>
        <p:spPr>
          <a:xfrm>
            <a:off x="449263" y="1487488"/>
            <a:ext cx="9894795" cy="348942"/>
          </a:xfrm>
          <a:prstGeom prst="rect">
            <a:avLst/>
          </a:prstGeom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>
              <a:solidFill>
                <a:srgbClr val="00A4E6"/>
              </a:solidFill>
              <a:ea typeface="Source Sans Pro Semibold"/>
            </a:endParaRP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8CF925B-F6EE-4EB3-B3C5-B3EBDDA2AE2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5" name="Picture 6" descr="A screenshot of a cell phone&#10;&#10;Description generated with very high confidence">
            <a:extLst>
              <a:ext uri="{FF2B5EF4-FFF2-40B4-BE49-F238E27FC236}">
                <a16:creationId xmlns:a16="http://schemas.microsoft.com/office/drawing/2014/main" id="{557D151C-75F6-4883-8498-6B1AD82E923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0496" y="1194220"/>
            <a:ext cx="9214905" cy="5424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311269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ea typeface="Source Sans Pro Semibold"/>
              </a:rPr>
              <a:t>Java Functional Interface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AA668D5-9CE2-4ACB-BBF9-CE23AE48F5AC}"/>
              </a:ext>
            </a:extLst>
          </p:cNvPr>
          <p:cNvSpPr txBox="1"/>
          <p:nvPr/>
        </p:nvSpPr>
        <p:spPr>
          <a:xfrm>
            <a:off x="449263" y="1487488"/>
            <a:ext cx="9894795" cy="348942"/>
          </a:xfrm>
          <a:prstGeom prst="rect">
            <a:avLst/>
          </a:prstGeom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>
              <a:solidFill>
                <a:srgbClr val="00A4E6"/>
              </a:solidFill>
              <a:ea typeface="Source Sans Pro Semibold"/>
            </a:endParaRP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8CF925B-F6EE-4EB3-B3C5-B3EBDDA2AE2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3" name="Picture 4" descr="A screen shot of a computer&#10;&#10;Description generated with high confidence">
            <a:extLst>
              <a:ext uri="{FF2B5EF4-FFF2-40B4-BE49-F238E27FC236}">
                <a16:creationId xmlns:a16="http://schemas.microsoft.com/office/drawing/2014/main" id="{B739CE29-9A4C-45F3-A445-4D79CE7E256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6606" y="1210282"/>
            <a:ext cx="4290314" cy="1861683"/>
          </a:xfrm>
          <a:prstGeom prst="rect">
            <a:avLst/>
          </a:prstGeom>
        </p:spPr>
      </p:pic>
      <p:pic>
        <p:nvPicPr>
          <p:cNvPr id="7" name="Picture 8" descr="A close up of a screen&#10;&#10;Description generated with high confidence">
            <a:extLst>
              <a:ext uri="{FF2B5EF4-FFF2-40B4-BE49-F238E27FC236}">
                <a16:creationId xmlns:a16="http://schemas.microsoft.com/office/drawing/2014/main" id="{48F9BFC2-188E-46A6-BDA5-F77520F784F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89362" y="1213051"/>
            <a:ext cx="5288023" cy="1856332"/>
          </a:xfrm>
          <a:prstGeom prst="rect">
            <a:avLst/>
          </a:prstGeom>
        </p:spPr>
      </p:pic>
      <p:pic>
        <p:nvPicPr>
          <p:cNvPr id="10" name="Picture 10" descr="A picture containing text&#10;&#10;Description generated with high confidence">
            <a:extLst>
              <a:ext uri="{FF2B5EF4-FFF2-40B4-BE49-F238E27FC236}">
                <a16:creationId xmlns:a16="http://schemas.microsoft.com/office/drawing/2014/main" id="{EEB325F0-2855-4E78-8FED-B5EFE6C9423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7302" y="3534146"/>
            <a:ext cx="4123581" cy="2799568"/>
          </a:xfrm>
          <a:prstGeom prst="rect">
            <a:avLst/>
          </a:prstGeom>
        </p:spPr>
      </p:pic>
      <p:pic>
        <p:nvPicPr>
          <p:cNvPr id="12" name="Picture 12" descr="A screen shot of a social media post&#10;&#10;Description generated with very high confidence">
            <a:extLst>
              <a:ext uri="{FF2B5EF4-FFF2-40B4-BE49-F238E27FC236}">
                <a16:creationId xmlns:a16="http://schemas.microsoft.com/office/drawing/2014/main" id="{E6F58DA5-48D5-4DF6-961E-8035929D792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78806" y="3534094"/>
            <a:ext cx="5198485" cy="17001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257410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BAA668D5-9CE2-4ACB-BBF9-CE23AE48F5AC}"/>
              </a:ext>
            </a:extLst>
          </p:cNvPr>
          <p:cNvSpPr txBox="1"/>
          <p:nvPr/>
        </p:nvSpPr>
        <p:spPr>
          <a:xfrm>
            <a:off x="449263" y="1487488"/>
            <a:ext cx="9894795" cy="348942"/>
          </a:xfrm>
          <a:prstGeom prst="rect">
            <a:avLst/>
          </a:prstGeom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>
              <a:solidFill>
                <a:srgbClr val="00A4E6"/>
              </a:solidFill>
              <a:ea typeface="Source Sans Pro Semibold"/>
            </a:endParaRPr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D8CE4441-51B5-4EBB-B725-2533AC8D34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9" name="Picture 10">
            <a:extLst>
              <a:ext uri="{FF2B5EF4-FFF2-40B4-BE49-F238E27FC236}">
                <a16:creationId xmlns:a16="http://schemas.microsoft.com/office/drawing/2014/main" id="{9925540C-84DE-4241-A8D3-4341658C033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26202" y="1014724"/>
            <a:ext cx="7389683" cy="54897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4676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140153076077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1401530773224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14015307732248"/>
</p:tagLst>
</file>

<file path=ppt/theme/theme1.xml><?xml version="1.0" encoding="utf-8"?>
<a:theme xmlns:a="http://schemas.openxmlformats.org/drawingml/2006/main" name="ION Trading PowerPoint Template A4">
  <a:themeElements>
    <a:clrScheme name="ION Navy Zircon Red">
      <a:dk1>
        <a:srgbClr val="001437"/>
      </a:dk1>
      <a:lt1>
        <a:srgbClr val="FFFFFF"/>
      </a:lt1>
      <a:dk2>
        <a:srgbClr val="001437"/>
      </a:dk2>
      <a:lt2>
        <a:srgbClr val="EFE8E0"/>
      </a:lt2>
      <a:accent1>
        <a:srgbClr val="001437"/>
      </a:accent1>
      <a:accent2>
        <a:srgbClr val="00A4E6"/>
      </a:accent2>
      <a:accent3>
        <a:srgbClr val="D64641"/>
      </a:accent3>
      <a:accent4>
        <a:srgbClr val="AEAEB4"/>
      </a:accent4>
      <a:accent5>
        <a:srgbClr val="4D5B73"/>
      </a:accent5>
      <a:accent6>
        <a:srgbClr val="B2B8C3"/>
      </a:accent6>
      <a:hlink>
        <a:srgbClr val="001437"/>
      </a:hlink>
      <a:folHlink>
        <a:srgbClr val="4D5B73"/>
      </a:folHlink>
    </a:clrScheme>
    <a:fontScheme name="ION Group">
      <a:majorFont>
        <a:latin typeface="Source Sans Pro Semibold"/>
        <a:ea typeface=""/>
        <a:cs typeface=""/>
      </a:majorFont>
      <a:minorFont>
        <a:latin typeface="Source Sans Pro Light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635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Navy">
      <a:srgbClr val="001437"/>
    </a:custClr>
    <a:custClr name="Green">
      <a:srgbClr val="00281E"/>
    </a:custClr>
    <a:custClr name="Aubergine">
      <a:srgbClr val="280A37"/>
    </a:custClr>
    <a:custClr name="Maroon">
      <a:srgbClr val="410A22"/>
    </a:custClr>
    <a:custClr name="Slate">
      <a:srgbClr val="232832"/>
    </a:custClr>
    <a:custClr name="Umber">
      <a:srgbClr val="372828"/>
    </a:custClr>
    <a:custClr name="White">
      <a:srgbClr val="FFFFFF"/>
    </a:custClr>
    <a:custClr name="Slate 90">
      <a:srgbClr val="393E47"/>
    </a:custClr>
    <a:custClr name="Slate 80">
      <a:srgbClr val="4F535B"/>
    </a:custClr>
    <a:custClr name="Slate 70">
      <a:srgbClr val="656970"/>
    </a:custClr>
    <a:custClr name="Lime">
      <a:srgbClr val="96C768"/>
    </a:custClr>
    <a:custClr name="Jade">
      <a:srgbClr val="00AE95"/>
    </a:custClr>
    <a:custClr name="Orange">
      <a:srgbClr val="F58B46"/>
    </a:custClr>
    <a:custClr name="Red">
      <a:srgbClr val="D64641"/>
    </a:custClr>
    <a:custClr name="Zircon">
      <a:srgbClr val="00A4E6"/>
    </a:custClr>
    <a:custClr name="Purple">
      <a:srgbClr val="6D6DAE"/>
    </a:custClr>
    <a:custClr name="White">
      <a:srgbClr val="FFFFFF"/>
    </a:custClr>
    <a:custClr name="Slate 60">
      <a:srgbClr val="7B7E84"/>
    </a:custClr>
    <a:custClr name="Slate 50">
      <a:srgbClr val="919399"/>
    </a:custClr>
    <a:custClr name="Slate 40">
      <a:srgbClr val="A7A9AD"/>
    </a:custClr>
    <a:custClr name="Yellow">
      <a:srgbClr val="FFC76D"/>
    </a:custClr>
    <a:custClr name="Wheat">
      <a:srgbClr val="EADAAC"/>
    </a:custClr>
    <a:custClr name="Brown">
      <a:srgbClr val="9F8278"/>
    </a:custClr>
    <a:custClr name="Quartz">
      <a:srgbClr val="AEAEB4"/>
    </a:custClr>
    <a:custClr name="Coral">
      <a:srgbClr val="F9AE91"/>
    </a:custClr>
    <a:custClr name="Dune">
      <a:srgbClr val="EFE8E0"/>
    </a:custClr>
    <a:custClr name="White">
      <a:srgbClr val="FFFFFF"/>
    </a:custClr>
    <a:custClr name="Slate 30">
      <a:srgbClr val="BDBEC1"/>
    </a:custClr>
    <a:custClr name="Slate 20">
      <a:srgbClr val="D3D4D6"/>
    </a:custClr>
    <a:custClr name="Slate 10">
      <a:srgbClr val="E9E9EA"/>
    </a:custClr>
  </a:custClrLst>
  <a:extLst>
    <a:ext uri="{05A4C25C-085E-4340-85A3-A5531E510DB2}">
      <thm15:themeFamily xmlns:thm15="http://schemas.microsoft.com/office/thememl/2012/main" name="ION_Document_(A4).potx" id="{CD8DC8D3-BC6C-46C8-8C72-4B8F546FAA61}" vid="{971F86D1-55ED-4DAE-A9A5-2CBA91B250F7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Source Sans Pro Light"/>
        <a:font script="Hebr" typeface="Source Sans Pro Light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Source Sans Pro Light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Source Sans Pro Light"/>
        <a:font script="Hebr" typeface="Source Sans Pro Light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Source Sans Pro Light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635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eam xmlns="e281cb02-eab5-4543-aefa-83704318c974" xsi:nil="true"/>
    <Column xmlns="e281cb02-eab5-4543-aefa-83704318c974" xsi:nil="true"/>
    <TaxKeywordTaxHTField xmlns="63e53ebc-d007-4ecd-ac7a-468df7cba49c">
      <Terms xmlns="http://schemas.microsoft.com/office/infopath/2007/PartnerControls"/>
    </TaxKeywordTaxHTField>
    <Sprint_x0020__x0028_test_x0029_ xmlns="e281cb02-eab5-4543-aefa-83704318c974" xsi:nil="true"/>
    <TaxCatchAll xmlns="7d1e7730-d463-4a1a-954e-c85b0cd0aa52"/>
    <_ip_UnifiedCompliancePolicyUIAction xmlns="http://schemas.microsoft.com/sharepoint/v3" xsi:nil="true"/>
    <_ip_UnifiedCompliancePolicyProperties xmlns="http://schemas.microsoft.com/sharepoint/v3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507DD93E5FB13C41A67D07444930031B" ma:contentTypeVersion="29" ma:contentTypeDescription="Create a new document." ma:contentTypeScope="" ma:versionID="0ad3e528d5fef9b6ba101cb8ce3d1513">
  <xsd:schema xmlns:xsd="http://www.w3.org/2001/XMLSchema" xmlns:xs="http://www.w3.org/2001/XMLSchema" xmlns:p="http://schemas.microsoft.com/office/2006/metadata/properties" xmlns:ns1="http://schemas.microsoft.com/sharepoint/v3" xmlns:ns2="e281cb02-eab5-4543-aefa-83704318c974" xmlns:ns3="63e53ebc-d007-4ecd-ac7a-468df7cba49c" xmlns:ns4="7d1e7730-d463-4a1a-954e-c85b0cd0aa52" targetNamespace="http://schemas.microsoft.com/office/2006/metadata/properties" ma:root="true" ma:fieldsID="7a483ed328639bfa383c4ad1bf33ecd7" ns1:_="" ns2:_="" ns3:_="" ns4:_="">
    <xsd:import namespace="http://schemas.microsoft.com/sharepoint/v3"/>
    <xsd:import namespace="e281cb02-eab5-4543-aefa-83704318c974"/>
    <xsd:import namespace="63e53ebc-d007-4ecd-ac7a-468df7cba49c"/>
    <xsd:import namespace="7d1e7730-d463-4a1a-954e-c85b0cd0aa52"/>
    <xsd:element name="properties">
      <xsd:complexType>
        <xsd:sequence>
          <xsd:element name="documentManagement">
            <xsd:complexType>
              <xsd:all>
                <xsd:element ref="ns2:Column" minOccurs="0"/>
                <xsd:element ref="ns3:SharedWithDetails" minOccurs="0"/>
                <xsd:element ref="ns3:SharedWithUsers" minOccurs="0"/>
                <xsd:element ref="ns3:LastSharedByUser" minOccurs="0"/>
                <xsd:element ref="ns3:LastSharedByTime" minOccurs="0"/>
                <xsd:element ref="ns2:Team" minOccurs="0"/>
                <xsd:element ref="ns2:Sprint_x0020__x0028_test_x0029_" minOccurs="0"/>
                <xsd:element ref="ns2:Sprint_x0020__x0028_test_x0029__x003a_Start_x0020_Date" minOccurs="0"/>
                <xsd:element ref="ns3:TaxKeywordTaxHTField" minOccurs="0"/>
                <xsd:element ref="ns4:TaxCatchAll" minOccurs="0"/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EventHashCode" minOccurs="0"/>
                <xsd:element ref="ns2:MediaServiceGenerationTime" minOccurs="0"/>
                <xsd:element ref="ns1:_ip_UnifiedCompliancePolicyProperties" minOccurs="0"/>
                <xsd:element ref="ns1:_ip_UnifiedCompliancePolicyUIAc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_ip_UnifiedCompliancePolicyProperties" ma:index="26" nillable="true" ma:displayName="Unified Compliance Policy Properties" ma:hidden="true" ma:internalName="_ip_UnifiedCompliancePolicyProperties">
      <xsd:simpleType>
        <xsd:restriction base="dms:Note"/>
      </xsd:simpleType>
    </xsd:element>
    <xsd:element name="_ip_UnifiedCompliancePolicyUIAction" ma:index="27" nillable="true" ma:displayName="Unified Compliance Policy UI Action" ma:hidden="true" ma:internalName="_ip_UnifiedCompliancePolicyUIAction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281cb02-eab5-4543-aefa-83704318c974" elementFormDefault="qualified">
    <xsd:import namespace="http://schemas.microsoft.com/office/2006/documentManagement/types"/>
    <xsd:import namespace="http://schemas.microsoft.com/office/infopath/2007/PartnerControls"/>
    <xsd:element name="Column" ma:index="2" nillable="true" ma:displayName="Document Type" ma:format="Dropdown" ma:internalName="Column">
      <xsd:simpleType>
        <xsd:restriction base="dms:Choice">
          <xsd:enumeration value="Admin"/>
          <xsd:enumeration value="Analysis"/>
          <xsd:enumeration value="Product"/>
          <xsd:enumeration value="Product Backlog Review"/>
          <xsd:enumeration value="Reference"/>
          <xsd:enumeration value="Release Notes"/>
          <xsd:enumeration value="Specification by Example"/>
          <xsd:enumeration value="Sprint Planning 1"/>
          <xsd:enumeration value="Sprint Planning 2"/>
          <xsd:enumeration value="Sprint Retrospective"/>
          <xsd:enumeration value="Sprint Review"/>
          <xsd:enumeration value="Technical"/>
          <xsd:enumeration value="User Guide"/>
          <xsd:enumeration value="Other"/>
        </xsd:restriction>
      </xsd:simpleType>
    </xsd:element>
    <xsd:element name="Team" ma:index="13" nillable="true" ma:displayName="Team" ma:format="Dropdown" ma:internalName="Team">
      <xsd:simpleType>
        <xsd:restriction base="dms:Choice">
          <xsd:enumeration value="All"/>
          <xsd:enumeration value="Eagle"/>
          <xsd:enumeration value="Falcon"/>
          <xsd:enumeration value="Orion"/>
          <xsd:enumeration value="Tejas"/>
          <xsd:enumeration value="XYZ"/>
        </xsd:restriction>
      </xsd:simpleType>
    </xsd:element>
    <xsd:element name="Sprint_x0020__x0028_test_x0029_" ma:index="14" nillable="true" ma:displayName="Sprint" ma:list="{be5e9654-9293-4343-be06-3cce80ab61a0}" ma:internalName="Sprint_x0020__x0028_test_x0029_" ma:readOnly="false" ma:showField="Title">
      <xsd:simpleType>
        <xsd:restriction base="dms:Lookup"/>
      </xsd:simpleType>
    </xsd:element>
    <xsd:element name="Sprint_x0020__x0028_test_x0029__x003a_Start_x0020_Date" ma:index="15" nillable="true" ma:displayName="Sprint:Start Date" ma:list="{be5e9654-9293-4343-be06-3cce80ab61a0}" ma:internalName="Sprint_x0020__x0028_test_x0029__x003a_Start_x0020_Date" ma:readOnly="true" ma:showField="xqja" ma:web="63e53ebc-d007-4ecd-ac7a-468df7cba49c">
      <xsd:simpleType>
        <xsd:restriction base="dms:Lookup"/>
      </xsd:simpleType>
    </xsd:element>
    <xsd:element name="MediaServiceMetadata" ma:index="19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20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21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22" nillable="true" ma:displayName="MediaServiceAutoTags" ma:internalName="MediaServiceAutoTags" ma:readOnly="true">
      <xsd:simpleType>
        <xsd:restriction base="dms:Text"/>
      </xsd:simpleType>
    </xsd:element>
    <xsd:element name="MediaServiceOCR" ma:index="23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EventHashCode" ma:index="2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25" nillable="true" ma:displayName="MediaServiceGenerationTime" ma:hidden="true" ma:internalName="MediaServiceGenerationTim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3e53ebc-d007-4ecd-ac7a-468df7cba49c" elementFormDefault="qualified">
    <xsd:import namespace="http://schemas.microsoft.com/office/2006/documentManagement/types"/>
    <xsd:import namespace="http://schemas.microsoft.com/office/infopath/2007/PartnerControls"/>
    <xsd:element name="SharedWithDetails" ma:index="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edWithUsers" ma:index="6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LastSharedByUser" ma:index="7" nillable="true" ma:displayName="Last Shared By Us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8" nillable="true" ma:displayName="Last Shared By Time" ma:description="" ma:internalName="LastSharedByTime" ma:readOnly="true">
      <xsd:simpleType>
        <xsd:restriction base="dms:DateTime"/>
      </xsd:simpleType>
    </xsd:element>
    <xsd:element name="TaxKeywordTaxHTField" ma:index="17" nillable="true" ma:taxonomy="true" ma:internalName="TaxKeywordTaxHTField" ma:taxonomyFieldName="TaxKeyword" ma:displayName="Enterprise Keywords" ma:fieldId="{23f27201-bee3-471e-b2e7-b64fd8b7ca38}" ma:taxonomyMulti="true" ma:sspId="4478add5-f3e7-4565-aa0e-d2daa2dbbd85" ma:termSetId="00000000-0000-0000-0000-000000000000" ma:anchorId="00000000-0000-0000-0000-000000000000" ma:open="true" ma:isKeyword="tru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d1e7730-d463-4a1a-954e-c85b0cd0aa52" elementFormDefault="qualified">
    <xsd:import namespace="http://schemas.microsoft.com/office/2006/documentManagement/types"/>
    <xsd:import namespace="http://schemas.microsoft.com/office/infopath/2007/PartnerControls"/>
    <xsd:element name="TaxCatchAll" ma:index="18" nillable="true" ma:displayName="Taxonomy Catch All Column" ma:hidden="true" ma:list="{209d9632-7a20-43af-b271-ed9d0bc6991a}" ma:internalName="TaxCatchAll" ma:showField="CatchAllData" ma:web="63e53ebc-d007-4ecd-ac7a-468df7cba49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9" ma:displayName="Content Type"/>
        <xsd:element ref="dc:title" minOccurs="0" maxOccurs="1" ma:index="1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E1EF330-E3AF-495D-830D-05885DBF6EBC}">
  <ds:schemaRefs>
    <ds:schemaRef ds:uri="http://schemas.microsoft.com/office/2006/metadata/properties"/>
    <ds:schemaRef ds:uri="http://schemas.microsoft.com/office/infopath/2007/PartnerControls"/>
    <ds:schemaRef ds:uri="e281cb02-eab5-4543-aefa-83704318c974"/>
    <ds:schemaRef ds:uri="63e53ebc-d007-4ecd-ac7a-468df7cba49c"/>
    <ds:schemaRef ds:uri="7d1e7730-d463-4a1a-954e-c85b0cd0aa52"/>
    <ds:schemaRef ds:uri="http://schemas.microsoft.com/sharepoint/v3"/>
  </ds:schemaRefs>
</ds:datastoreItem>
</file>

<file path=customXml/itemProps2.xml><?xml version="1.0" encoding="utf-8"?>
<ds:datastoreItem xmlns:ds="http://schemas.openxmlformats.org/officeDocument/2006/customXml" ds:itemID="{AD8BA918-E352-415A-9A36-E9B7B3D23D3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e281cb02-eab5-4543-aefa-83704318c974"/>
    <ds:schemaRef ds:uri="63e53ebc-d007-4ecd-ac7a-468df7cba49c"/>
    <ds:schemaRef ds:uri="7d1e7730-d463-4a1a-954e-c85b0cd0aa5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9B05D3BF-F23D-4CF0-A547-A6A31A36D96D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Application>Microsoft Office PowerPoint</Application>
  <PresentationFormat>Custom</PresentationFormat>
  <Slides>8</Slides>
  <Notes>3</Notes>
  <HiddenSlides>0</HiddenSlide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9" baseType="lpstr">
      <vt:lpstr>ION Trading PowerPoint Template A4</vt:lpstr>
      <vt:lpstr>PowerPoint Presentation</vt:lpstr>
      <vt:lpstr>Agenda</vt:lpstr>
      <vt:lpstr>PowerPoint Presentation</vt:lpstr>
      <vt:lpstr>Functional Programming overview</vt:lpstr>
      <vt:lpstr>Functional Programming overview</vt:lpstr>
      <vt:lpstr>Functional Programming overview</vt:lpstr>
      <vt:lpstr>Java Functional Interface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cp:revision>181</cp:revision>
  <dcterms:modified xsi:type="dcterms:W3CDTF">2019-05-11T03:57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ublisher">
    <vt:lpwstr>Design Team</vt:lpwstr>
  </property>
  <property fmtid="{D5CDD505-2E9C-101B-9397-08002B2CF9AE}" pid="3" name="Version">
    <vt:lpwstr>17 September 2017</vt:lpwstr>
  </property>
  <property fmtid="{D5CDD505-2E9C-101B-9397-08002B2CF9AE}" pid="4" name="ContentTypeId">
    <vt:lpwstr>0x010100507DD93E5FB13C41A67D07444930031B</vt:lpwstr>
  </property>
  <property fmtid="{D5CDD505-2E9C-101B-9397-08002B2CF9AE}" pid="5" name="ActivateBrandChecker">
    <vt:lpwstr>true</vt:lpwstr>
  </property>
  <property fmtid="{D5CDD505-2E9C-101B-9397-08002B2CF9AE}" pid="6" name="CustomerId">
    <vt:lpwstr>ion</vt:lpwstr>
  </property>
  <property fmtid="{D5CDD505-2E9C-101B-9397-08002B2CF9AE}" pid="7" name="TemplateId">
    <vt:lpwstr>636335322524822117</vt:lpwstr>
  </property>
  <property fmtid="{D5CDD505-2E9C-101B-9397-08002B2CF9AE}" pid="8" name="UserProfileId">
    <vt:lpwstr>636416799961218178</vt:lpwstr>
  </property>
  <property fmtid="{D5CDD505-2E9C-101B-9397-08002B2CF9AE}" pid="9" name="TaxKeyword">
    <vt:lpwstr/>
  </property>
</Properties>
</file>